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tables/table1.xml" ContentType="application/vnd.openxmlformats-officedocument.spreadsheetml.table+xml"/>
  <Override PartName="/xl/tables/table2.xml" ContentType="application/vnd.openxmlformats-officedocument.spreadsheetml.table+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9725"/>
  <workbookPr/>
  <mc:AlternateContent xmlns:mc="http://schemas.openxmlformats.org/markup-compatibility/2006">
    <mc:Choice Requires="x15">
      <x15ac:absPath xmlns:x15ac="http://schemas.microsoft.com/office/spreadsheetml/2010/11/ac" url="https://segalco.sharepoint.com/sites/TEAM_ChicagoFABF_tjggol/Shared Documents/FABF Assessment and RFP/RFP - DRAFTS and Final/"/>
    </mc:Choice>
  </mc:AlternateContent>
  <xr:revisionPtr revIDLastSave="131" documentId="8_{7AB58C58-E1BA-4941-B90E-B68F9F8BB992}" xr6:coauthVersionLast="47" xr6:coauthVersionMax="47" xr10:uidLastSave="{F0708293-16CA-4B3A-A5C2-53E727BA62AA}"/>
  <bookViews>
    <workbookView xWindow="-108" yWindow="-108" windowWidth="23256" windowHeight="12456" xr2:uid="{00000000-000D-0000-FFFF-FFFF00000000}"/>
  </bookViews>
  <sheets>
    <sheet name="Legend" sheetId="11" r:id="rId1"/>
    <sheet name="Requirements Summary" sheetId="13" r:id="rId2"/>
    <sheet name="Service Requirements" sheetId="12" r:id="rId3"/>
  </sheets>
  <definedNames>
    <definedName name="_xlnm._FilterDatabase" localSheetId="2" hidden="1">'Service Requirements'!$A$2:$I$182</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B19" i="13" l="1"/>
  <c r="B18" i="13"/>
  <c r="B17" i="13"/>
  <c r="B16" i="13"/>
  <c r="B15" i="13"/>
  <c r="B14" i="13"/>
  <c r="B13" i="13"/>
  <c r="B12" i="13"/>
  <c r="B11" i="13"/>
  <c r="B10" i="13"/>
  <c r="B9" i="13"/>
  <c r="B8" i="13"/>
  <c r="B7" i="13"/>
  <c r="B6" i="13"/>
  <c r="B5" i="13"/>
  <c r="B4" i="13"/>
  <c r="B3" i="13"/>
  <c r="B2" i="13"/>
  <c r="B20" i="13" l="1"/>
</calcChain>
</file>

<file path=xl/sharedStrings.xml><?xml version="1.0" encoding="utf-8"?>
<sst xmlns="http://schemas.openxmlformats.org/spreadsheetml/2006/main" count="945" uniqueCount="403">
  <si>
    <t>The proposed pension Administration System must deliver a comprehensive, secure and scalable solution to support the Fund's operational and member service needs.  The following provides a legend for how to respond to each requirement.</t>
  </si>
  <si>
    <r>
      <t xml:space="preserve">The following designated </t>
    </r>
    <r>
      <rPr>
        <b/>
        <sz val="10"/>
        <color theme="1"/>
        <rFont val="Arial"/>
        <family val="2"/>
      </rPr>
      <t>Priority</t>
    </r>
    <r>
      <rPr>
        <sz val="10"/>
        <color theme="1"/>
        <rFont val="Arial"/>
        <family val="2"/>
      </rPr>
      <t xml:space="preserve"> ratings are defined as follows</t>
    </r>
  </si>
  <si>
    <r>
      <rPr>
        <b/>
        <sz val="10"/>
        <color theme="1"/>
        <rFont val="Arial"/>
        <family val="2"/>
      </rPr>
      <t xml:space="preserve">Mandatory </t>
    </r>
    <r>
      <rPr>
        <sz val="10"/>
        <color theme="1"/>
        <rFont val="Arial"/>
        <family val="2"/>
      </rPr>
      <t>- These are mandatory requirements that must be implemented exactly as specified.</t>
    </r>
  </si>
  <si>
    <t>Category</t>
  </si>
  <si>
    <t>Requirement Description</t>
  </si>
  <si>
    <t>Application Support</t>
  </si>
  <si>
    <t>Bidder shall provide ongoing application support for production issues, defects, and operational questions.</t>
  </si>
  <si>
    <t>Bidder shall describe in their response the support model, including resource locations and points of contact.</t>
  </si>
  <si>
    <t>Bidder shall ensure continuity of system knowledge and minimize reliance on individual resources.</t>
  </si>
  <si>
    <t>Bidder shall provide ongoing application support for incidents, defects, and service requests.</t>
  </si>
  <si>
    <t>Application Support / Maintenance</t>
  </si>
  <si>
    <t>Bidder shall maintain and coordinate a schedule of planned maintenance activities with FABF.</t>
  </si>
  <si>
    <t>Bidder shall provide advance notification of planned downtime in accordance with the SLA.</t>
  </si>
  <si>
    <t xml:space="preserve">Bidder shall provide a formal Service Level Agreement (SLA) governing production support for the System for 10 years. </t>
  </si>
  <si>
    <t>System availability shall meet or exceed 99.5% monthly uptime, excluding FABF‑approved maintenance windows.</t>
  </si>
  <si>
    <t>SLA shall define incident severity levels (Critical, High, Medium, Low) with public pension business impact definitions.</t>
  </si>
  <si>
    <t>For Critical incidents, Bidder shall provide initial response within 1 hour and continuous work until resolution or approved workaround.</t>
  </si>
  <si>
    <t>For High severity incidents, Bidder shall provide initial response within 4 business hours and target resolution within 2 business days.</t>
  </si>
  <si>
    <t>SLA shall include a documented escalation path, including executive escalation roles.</t>
  </si>
  <si>
    <t>Bidder shall provide monthly SLA performance reports to FABF.</t>
  </si>
  <si>
    <t>Bidder shall meet defined response and resolution targets by incident severity.</t>
  </si>
  <si>
    <t>Bidder shall provide operational support for the production environment, whether Bidder‑hosted or Bidder‑managed cloud (e.g., Azure or AWS), under FABF governance.</t>
  </si>
  <si>
    <t>Bidder shall support operating systems, databases, middleware, and application platforms supporting the System.</t>
  </si>
  <si>
    <t>Bidder shall maintain production, non‑production, and disaster recovery environments.</t>
  </si>
  <si>
    <t>Change Management</t>
  </si>
  <si>
    <t>Bidder shall follow formal change management procedures, including impact analysis and FABF approval prior to implementation.</t>
  </si>
  <si>
    <t>All changes shall be tested in a non‑production environment prior to release.</t>
  </si>
  <si>
    <t>Bidder shall provide release notes for all production deployments.</t>
  </si>
  <si>
    <t>Conversion</t>
  </si>
  <si>
    <t>Bidder shall perform mock conversions, reconciliation, and validation prior to production cutover.</t>
  </si>
  <si>
    <t>Bidder shall certify data conversion completeness, accuracy, and readiness for production use.</t>
  </si>
  <si>
    <t>The vendor must develop and execute comprehensive data conversion and migration strategies that ensure data accuracy, completeness, and reconciliation between the legacy environment and the new system.</t>
  </si>
  <si>
    <t>The vendor must configure and implement all system functionality and business rules necessary to satisfy the requirements of each functional roll‑out development period.</t>
  </si>
  <si>
    <t>The vendor must define, document, and validate written procedures, methods, and checklists for data conversion, balancing, and reconciliation activities for each functional roll‑out.</t>
  </si>
  <si>
    <t>The vendor must design, implement, and validate all required data bridges and interfaces to ensure seamless interoperability with internal and external systems.</t>
  </si>
  <si>
    <t>Data Protection / Recovery</t>
  </si>
  <si>
    <t>Bidder shall support ongoing monitoring of data integrity and processing accuracy.</t>
  </si>
  <si>
    <t>Bidder shall support recovery activities in the event of system or data failure.</t>
  </si>
  <si>
    <t>Bidder shall maintain and support a Disaster Recovery Plan covering applications, data, interfaces, and integrations.</t>
  </si>
  <si>
    <t>Bidder shall participate in periodic disaster recovery testing and provide written certification of results.</t>
  </si>
  <si>
    <t>Documentation</t>
  </si>
  <si>
    <t>Bidder shall maintain current system and operational documentation.</t>
  </si>
  <si>
    <t>For Option 1, documentation shall be sufficient to support FABF independent system support and enhancement.</t>
  </si>
  <si>
    <t>Bidder shall maintain current operational, technical, and administrative documentation.</t>
  </si>
  <si>
    <t>Enhancements</t>
  </si>
  <si>
    <t>Enhancement hours may be used for minor functional changes, configuration updates, reports, extracts, workflows, and regulatory changes not classified as defects.</t>
  </si>
  <si>
    <t>Enhancement requests shall be governed through a joint FABF/Bidder prioritization process.</t>
  </si>
  <si>
    <t>Bidder shall track and report enhancement hour usage to FABF on a regular basis.</t>
  </si>
  <si>
    <t>Bidder shall clearly state whether unused enhancement hours expire or may be carried forward.</t>
  </si>
  <si>
    <t>Bidder shall provide two hundred (200) hours per contract year for miscellaneous system enhancements.</t>
  </si>
  <si>
    <t>Governance &amp; Project Management</t>
  </si>
  <si>
    <t>Bidder shall provide transparency into incidents, enhancements, risks, and planned changes.</t>
  </si>
  <si>
    <t>Bidder shall participate in periodic service governance and operational review meetings with FABF.</t>
  </si>
  <si>
    <t>The vendor shall use a single, documented project management methodology to control and manage all aspects of solution development, implementation, and delivery.</t>
  </si>
  <si>
    <t>The vendor shall produce quarterly executive‑level project reports suitable for senior leadership and governance bodies, incorporating key performance indicators, risk posture, and visual status summaries.</t>
  </si>
  <si>
    <t>The vendor shall prepare and deliver weekly project status reports that summarize completed activities, upcoming work, schedule progress, risks, issues, and dependencies in alignment with the approved project plan.</t>
  </si>
  <si>
    <t>The vendor shall establish, document, and maintain a formal decision management process to capture, track, and communicate all project decisions and pending decision items.</t>
  </si>
  <si>
    <t>The vendor shall analyze all client‑submitted change requests and provide completed change request documentation, including impact analysis, within the contractually defined review period.</t>
  </si>
  <si>
    <t>The vendor shall provide and maintain an online deliverable tracking repository that clearly identifies deliverable ownership, status, review cycles, and approval history.</t>
  </si>
  <si>
    <t>The vendor shall document and communicate the cost, schedule, resource, and scope impacts of approved and proposed changes in sufficient detail to support informed decision‑making.</t>
  </si>
  <si>
    <t>The vendor shall collaborate with the client’s project manager to develop, document, and maintain a comprehensive Project Management Plan covering scope, schedule, cost, resources, communications, and stakeholder management.</t>
  </si>
  <si>
    <t>The vendor shall develop and incorporate a formal project governance structure into the Project Management Plan, including defined roles, escalation paths, and decision‑making authority.</t>
  </si>
  <si>
    <t>The vendor shall document and manage a Requirements Management Plan that defines tools, roles, traceability methods, and processes for updating, approving, and communicating requirements changes.</t>
  </si>
  <si>
    <t>The vendor shall conduct formal risk and issue reviews at least quarterly and report the status of mitigation activities, escalations, and residual risks to project stakeholders.</t>
  </si>
  <si>
    <t>The vendor shall establish and operate a risk and issue management process that identifies, analyzes, prioritizes, mitigates, tracks, and reports project risks and issues throughout the project lifecycle.</t>
  </si>
  <si>
    <t>The vendor shall develop and maintain a System Security Plan that addresses data protection, access controls, encryption, auditability, and compliance with applicable security requirements.</t>
  </si>
  <si>
    <t>The vendor shall create, track, and manage Problem Incident Reports (PIRs), including classification, resolution, and reporting, for incidents occurring during data conversion, testing, and implementation activities.</t>
  </si>
  <si>
    <t>The vendor shall periodically test and evaluate the effectiveness of project security controls, policies, and procedures, and document the results for client review.</t>
  </si>
  <si>
    <t>The vendor must produce a Business Rules deliverable that clearly identifies all rules to be implemented in the system for each roll‑out phase and ensures traceability to approved requirements.</t>
  </si>
  <si>
    <t>Bidder shall deliver and maintain FABF‑approved project phase deliverables, including plans, schedules, risk logs, and status reports.</t>
  </si>
  <si>
    <t>Bidder shall manage project execution using a documented methodology appropriate for a public pension administration system.</t>
  </si>
  <si>
    <t>Bidder shall support FABF review, approval, and acceptance of all phase deliverables prior to milestone completion.</t>
  </si>
  <si>
    <t>Implementation</t>
  </si>
  <si>
    <t>Bidder shall provide one‑time implementation services to configure, deploy, and place the System into production in accordance with FABF‑approved plans.</t>
  </si>
  <si>
    <t>Bidder shall deliver an Implementation Plan addressing cutover, stabilization, rollback, roles, responsibilities, and post‑go‑live support.</t>
  </si>
  <si>
    <t>The vendor must ensure that all deliverables associated with each roll‑out are completed, reviewed, and approved in writing by the client prior to progression to subsequent phases.</t>
  </si>
  <si>
    <t>The vendor must implement and validate security controls for each roll‑out in accordance with the approved Security Plan and applicable industry standards.</t>
  </si>
  <si>
    <t>The vendor must ensure disaster recovery processes, environments, and procedures are operational, tested, and aligned with the roll‑out schedule.</t>
  </si>
  <si>
    <t>The vendor must resolve all defects categorized as “critical” or “high” prior to delivery and ensure successful regression testing before any roll‑out is placed into production.</t>
  </si>
  <si>
    <t>The vendor must document, track, and obtain approval for any remaining medium‑severity defects, including defined workarounds or remediation plans, prior to production deployment.</t>
  </si>
  <si>
    <t>The vendor must certify that all roll‑out testing activities, including configuration, integration, and regression testing, have been successfully completed in accordance with the approved test plans.</t>
  </si>
  <si>
    <t>The vendor must ensure that all user acceptance testing (UAT) deliverables and exit criteria are met and formally approved prior to production cutover.</t>
  </si>
  <si>
    <t>Knowledge Transfer</t>
  </si>
  <si>
    <t>Bidder shall provide knowledge transfer sufficient to support long‑term FABF operational continuity.</t>
  </si>
  <si>
    <t>For Option 1 (Custom Build), Bidder shall support FABF’s ability to independently maintain and enhance the System.</t>
  </si>
  <si>
    <t>Onboarding and Project Kick-off</t>
  </si>
  <si>
    <t>The vendor shall work collaboratively with the client’s designated project manager to ensure that all project start‑up activities are completed, reviewed, and formally approved prior to the commencement of requirements confirmation or design activities.</t>
  </si>
  <si>
    <t>The vendor shall deliver a comprehensive System Implementation Methodology overview to client stakeholders at project initiation, clearly describing the implementation approach, phases, deliverables, roles, and governance structure.</t>
  </si>
  <si>
    <t>The vendor shall develop and deliver a formal Project Kick‑off presentation that establishes project objectives, scope, schedule, roles and responsibilities, communication protocols, and success criteria.</t>
  </si>
  <si>
    <t>The vendor shall confirm project readiness by validating that required resources, tools, environments, and documentation are in place prior to the start of execution activities.</t>
  </si>
  <si>
    <t>The vendor shall document and obtain client approval of all onboarding and kick‑off deliverables as part of the baseline Project Management Plan.</t>
  </si>
  <si>
    <t>Project Implementation</t>
  </si>
  <si>
    <t>The vendor shall collaborate with the client’s designated project manager to plan, execute, and obtain formal approval of all data conversion, system configuration, security setup, and production deployment activities.</t>
  </si>
  <si>
    <t>The vendor shall be responsible for the end‑to‑end support of all systems, environments, infrastructure components, and tools required to deliver the solution throughout the duration of the implementation.</t>
  </si>
  <si>
    <t>The vendor shall provide dedicated, full‑time transition support during critical pre‑ and post‑cutover periods, including participation by key project leadership through a defined number of successful production cycles.</t>
  </si>
  <si>
    <t>The vendor shall design, document, and implement a comprehensive security approach that addresses access controls, authentication, data protection, auditability, vulnerability management, and secure remote access in accordance with industry best practices.</t>
  </si>
  <si>
    <t>The vendor shall perform all necessary configuration, customization, programming, and business rule implementation required to meet the functional and technical requirements of each implementation phase.</t>
  </si>
  <si>
    <t>The vendor shall develop and maintain detailed functional, technical, and architectural design documentation at a level sufficient to support solution configuration, integration, and long‑term maintainability.</t>
  </si>
  <si>
    <t>The vendor shall deliver a fully integrated solution that includes approved system functionality, security controls, online access, reporting, data management, disaster recovery capabilities, and validated interfaces with internal and external systems.</t>
  </si>
  <si>
    <t>The vendor shall define, document, and implement all business rules within the solution and ensure traceability between business requirements, system configuration, and delivered functionality.</t>
  </si>
  <si>
    <t>The vendor shall design, build, and support all required system interfaces and data exchanges necessary to ensure seamless interoperability between the solution and all dependent applications.</t>
  </si>
  <si>
    <t>The vendor shall support the client in addressing internal or external security audit findings related to the implemented solution and provide remediation assistance as required to achieve compliance.</t>
  </si>
  <si>
    <t>Security</t>
  </si>
  <si>
    <t>The vendor must support the client in responding to internal or external security audit findings related to roll‑out activities and implement corrective actions as required.</t>
  </si>
  <si>
    <t>Bidder shall support security patching and vulnerability remediation.</t>
  </si>
  <si>
    <t>Bidder shall promptly notify FABF of any security incident affecting the System.</t>
  </si>
  <si>
    <t>Bidder shall support audits or reviews requested by FABF or its auditors.</t>
  </si>
  <si>
    <t>Bidder shall provide ongoing security administration and monitoring for the hosted environment.</t>
  </si>
  <si>
    <t>Bidder shall remediate identified security vulnerabilities within agreed‑upon timelines.</t>
  </si>
  <si>
    <t>Staffing &amp; Team Responsibilities</t>
  </si>
  <si>
    <t>The team shall implement strong program management practices, including change request management, issue management, risk management, and decision tracking, in accordance with the approved project governance framework.</t>
  </si>
  <si>
    <t>The team shall be responsible for mapping, transforming, and loading data from the legacy system to the new system in accordance with approved conversion requirements.</t>
  </si>
  <si>
    <t>The team shall be responsible for executing all activities defined in the approved Data Conversion Plan.</t>
  </si>
  <si>
    <t>The team shall provide business and functional expertise, guidance, and recommendations in support of solution design, configuration, and implementation.</t>
  </si>
  <si>
    <t>The vendor shall replace any approved departing personnel with individuals who meet or exceed the qualifications and experience of the personnel being replaced.</t>
  </si>
  <si>
    <t>The vendor shall ensure that assigned personnel have a minimum of three (3) years of experience leading large‑scale system conversion activities within the timeframe specified in the RFP.</t>
  </si>
  <si>
    <t>Testing</t>
  </si>
  <si>
    <t>Bidder shall plan, execute, and support system, integration, regression, performance, and security testing prior to production release.</t>
  </si>
  <si>
    <t>Bidder shall support User Acceptance Testing (UAT), including defect resolution and retesting.</t>
  </si>
  <si>
    <t>Bidder shall ensure no Critical or High severity defects remain unresolved prior to production deployment.</t>
  </si>
  <si>
    <t>Bidder shall provide test results, certifications, and evidence of successful testing prior to go‑live.</t>
  </si>
  <si>
    <t>Bidder shall support performance and volume testing sufficient to meet SLA and operational requirements.</t>
  </si>
  <si>
    <t>The vendor shall certify in writing—signed by the vendor Project Manager and vendor Test Lead - that all defined pre‑cutover test criteria have been met for each functional release prior to production cutover.</t>
  </si>
  <si>
    <t>The vendor shall ensure vendor acceptance testing is executed and formally signed off in accordance with the approved Master and Detailed Test Plans prior to production cutover.</t>
  </si>
  <si>
    <t>The vendor shall ensure user acceptance testing (UAT) is executed and formally signed off by the client in accordance with the approved test plans prior to production cutover.</t>
  </si>
  <si>
    <t>The vendor shall verify and document completion and sign‑off of all required security testing and disaster recovery testing activities prior to production cutover.</t>
  </si>
  <si>
    <t>The vendor shall ensure benefit payroll reconciliation to the preceding pay period is completed (where applicable) and documented as part of the release cutover readiness evidence.</t>
  </si>
  <si>
    <t>The vendor shall ensure no defects categorized as “critical” or “high” remain unresolved prior to cutover, and that any “medium” defects have documented workarounds and agreed remediation actions.</t>
  </si>
  <si>
    <t>The vendor shall ensure UAT and conversion testing activities reach 100% completion and that all related deliverables are accepted and approved by the client prior to cutover.</t>
  </si>
  <si>
    <t>The vendor shall validate and certify that the solution operates with no “critical” or “high” defects at the time of production release.</t>
  </si>
  <si>
    <t>The vendor shall ensure 100% of in‑scope data is converted into the production system in accordance with the approved Data Conversion Plan and provide evidence of completion.</t>
  </si>
  <si>
    <t>The vendor shall demonstrate that 100% of to‑be‑converted data is successfully converted and fully reconciled using client‑approved reconciliation methods and reporting.</t>
  </si>
  <si>
    <t>The vendor shall execute all UAT tests per the approved Test Plan, including parallel tests where applicable, and maintain auditable records of results.</t>
  </si>
  <si>
    <t>The vendor shall resolve all “critical” and “high” defects identified during UAT and provide regression test evidence demonstrating successful resolution.</t>
  </si>
  <si>
    <t>The vendor shall perform stress, volume, and performance testing in accordance with the Detailed Test Plan and document that performance criteria and service levels are met.</t>
  </si>
  <si>
    <t>The vendor shall develop and execute integration tests to verify that information is exchanged correctly between all solution components and interfacing systems.</t>
  </si>
  <si>
    <t>The vendor shall develop and maintain a regression test suite that confirms previously repaired defects do not recur in subsequent releases.</t>
  </si>
  <si>
    <t>The vendor shall obtain written client approval to proceed with Vendor Acceptance Testing based on the approved requirements and defined entry criteria.</t>
  </si>
  <si>
    <t>The vendor shall perform recovery testing to validate backup and restore capability and provide documented evidence of successful execution.</t>
  </si>
  <si>
    <t>The vendor shall perform disaster recovery scenario testing that demonstrates recoverability from isolated incidents (e.g., hardware/application failure) and from a major incident requiring use of the client’s disaster recovery site.</t>
  </si>
  <si>
    <t>The vendor shall perform system testing that validates design and verifies expected functionality across components for each functional release.</t>
  </si>
  <si>
    <t>The vendor shall perform unit testing designed to identify defects early in the development lifecycle and document results prior to handoff for independent testing and UAT.</t>
  </si>
  <si>
    <t>The vendor shall certify data conversion readiness for training, testing, and implementation according to criteria established in the approved Data Conversion Plan.</t>
  </si>
  <si>
    <t>The vendor shall provide the client with a complete copy of the Problem Incident Report (PIR) system and the full database of reported incidents at project conclusion, including those reported by vendor and client testing resources.</t>
  </si>
  <si>
    <t>The vendor shall design and document test cases/scenarios/user stories that ensure all requirements in the Requirements Traceability Matrix (RTM) are tested, and include them in the Test Scripts deliverable.</t>
  </si>
  <si>
    <t>The vendor shall define and document a release management model and associated regression testing expectations for each functional release, including how changes are promoted, validated, and authorized for production.</t>
  </si>
  <si>
    <t>Third‑Party &amp; Integration Management</t>
  </si>
  <si>
    <t>The vendor shall design, configure, and implement all required system interfaces and integrations necessary to support interoperability between the solution and internal and external systems.</t>
  </si>
  <si>
    <t>The team shall coordinate and collaborate with the legacy system vendor to support a smooth transition of data, configurations, and system knowledge.</t>
  </si>
  <si>
    <t>The team shall perform comprehensive integration testing to verify that data and transactions are exchanged accurately and reliably between all interfacing systems.</t>
  </si>
  <si>
    <t>The team shall manage and oversee all relationships with subcontracted or hosted third‑party service providers associated with the solution.</t>
  </si>
  <si>
    <t>The vendor shall ensure continuity of hosting or integration services in the event a third‑party provider ceases operations, including transition to an alternate provider or vendor‑managed services.</t>
  </si>
  <si>
    <t>The team shall document all interfaces, integration points, data exchanges, and dependencies to support long‑term maintenance and operational support.</t>
  </si>
  <si>
    <t>The vendor shall remain accountable for the performance, reliability, and security of all third‑party integrations delivered as part of the solution.</t>
  </si>
  <si>
    <t>Training</t>
  </si>
  <si>
    <t>The vendor must complete all required user documentation, training materials, and end‑user support artifacts before the conclusion of each functional roll‑out.</t>
  </si>
  <si>
    <t>The team shall deliver training in multiple formats, including classroom instruction, workshops or laboratories, and online training with hands‑on exercises, as appropriate.</t>
  </si>
  <si>
    <t>The team shall provide multiple training programs ranging from general user familiarization to role‑based system operation, configuration, and reporting.</t>
  </si>
  <si>
    <t>The team shall incorporate participant feedback and evaluation results to continuously improve training effectiveness.</t>
  </si>
  <si>
    <t>The team shall document and implement an evaluation process to assess participant understanding and readiness at the conclusion of each training session.</t>
  </si>
  <si>
    <t>The team shall provide training on user responsibilities and required actions to support seamless integration with interfacing systems such as imaging, workflow, and related applications.</t>
  </si>
  <si>
    <t>The team shall develop and deliver end‑to‑end work process documentation that supports each functional roll‑out development period.</t>
  </si>
  <si>
    <t>The team shall deliver hands‑on training through workshops and laboratory environments that allow users to practice real‑world scenarios.</t>
  </si>
  <si>
    <t>The team shall ensure training materials address system functionality, navigation, data entry, reporting, and use of integrated Microsoft Office and scheduling tools.</t>
  </si>
  <si>
    <t>The team shall schedule and deliver training sessions in coordination with the overall project timeline to support testing, cutover, and post‑go‑live readiness.</t>
  </si>
  <si>
    <t>Warranty</t>
  </si>
  <si>
    <t>The vendor shall warrant that the implemented solution will operate, in its entirety, in accordance with all contractual, functional, and technical requirements during the warranty period.</t>
  </si>
  <si>
    <t>The vendor shall resolve all defects identified during the warranty period at no additional cost to the client.</t>
  </si>
  <si>
    <t>The vendor shall provide post‑go‑live stabilization support to ensure system reliability, performance, and issue resolution following production deployment.</t>
  </si>
  <si>
    <t>The vendor shall include within the warranty any incidents or defects identified prior to production that were not fully resolved at the time a functional release was placed into production.</t>
  </si>
  <si>
    <t>The vendor shall perform all warranty services in accordance with the requirements defined in the RFP and the executed agreement.</t>
  </si>
  <si>
    <t>The vendor shall upgrade system software components made generally available during the term of the agreement at no additional cost to the client.</t>
  </si>
  <si>
    <t>The vendor shall ensure that warranty support covers all system components, integrations, and configurations delivered as part of the implementation.</t>
  </si>
  <si>
    <t>The vendor shall document, track, and report warranty issues, including root cause, corrective actions, and resolution status, in a manner acceptable to the client.</t>
  </si>
  <si>
    <t>The vendor shall support the client in defining and measuring post‑implementation success criteria, including operational stability and performance benchmarks following go‑live.</t>
  </si>
  <si>
    <t>The vendor shall transition warranty support activities in an orderly manner to the client or a designated support provider at the conclusion of the warranty period, including knowledge transfer and documentation handoff.</t>
  </si>
  <si>
    <t>Bidder shall provide a minimum twelve (12) month warranty following production go‑live.</t>
  </si>
  <si>
    <t>Bidder shall resolve all defects identified during the Warranty Period at no additional cost to FABF.</t>
  </si>
  <si>
    <t>Bidder shall resolve any pre‑existing defects not resolved prior to go‑live as part of warranty obligations.</t>
  </si>
  <si>
    <t>Warranty services shall be separate from and shall not reduce ongoing service or SLA obligations.</t>
  </si>
  <si>
    <t>S.001</t>
  </si>
  <si>
    <t>S.002</t>
  </si>
  <si>
    <t>S.003</t>
  </si>
  <si>
    <t>S.004</t>
  </si>
  <si>
    <t>S.005</t>
  </si>
  <si>
    <t>S.006</t>
  </si>
  <si>
    <t>S.007</t>
  </si>
  <si>
    <t>S.008</t>
  </si>
  <si>
    <t>S.009</t>
  </si>
  <si>
    <t>S.010</t>
  </si>
  <si>
    <t>S.011</t>
  </si>
  <si>
    <t>S.012</t>
  </si>
  <si>
    <t>S.013</t>
  </si>
  <si>
    <t>S.014</t>
  </si>
  <si>
    <t>S.015</t>
  </si>
  <si>
    <t>S.016</t>
  </si>
  <si>
    <t>S.017</t>
  </si>
  <si>
    <t>S.018</t>
  </si>
  <si>
    <t>S.019</t>
  </si>
  <si>
    <t>S.020</t>
  </si>
  <si>
    <t>S.021</t>
  </si>
  <si>
    <t>S.022</t>
  </si>
  <si>
    <t>S.023</t>
  </si>
  <si>
    <t>S.024</t>
  </si>
  <si>
    <t>S.025</t>
  </si>
  <si>
    <t>S.026</t>
  </si>
  <si>
    <t>S.027</t>
  </si>
  <si>
    <t>S.028</t>
  </si>
  <si>
    <t>S.029</t>
  </si>
  <si>
    <t>S.030</t>
  </si>
  <si>
    <t>S.031</t>
  </si>
  <si>
    <t>S.032</t>
  </si>
  <si>
    <t>S.033</t>
  </si>
  <si>
    <t>S.034</t>
  </si>
  <si>
    <t>S.035</t>
  </si>
  <si>
    <t>S.036</t>
  </si>
  <si>
    <t>S.037</t>
  </si>
  <si>
    <t>S.038</t>
  </si>
  <si>
    <t>S.039</t>
  </si>
  <si>
    <t>S.040</t>
  </si>
  <si>
    <t>S.041</t>
  </si>
  <si>
    <t>S.042</t>
  </si>
  <si>
    <t>S.043</t>
  </si>
  <si>
    <t>S.044</t>
  </si>
  <si>
    <t>S.045</t>
  </si>
  <si>
    <t>S.046</t>
  </si>
  <si>
    <t>S.047</t>
  </si>
  <si>
    <t>S.048</t>
  </si>
  <si>
    <t>S.049</t>
  </si>
  <si>
    <t>S.050</t>
  </si>
  <si>
    <t>S.051</t>
  </si>
  <si>
    <t>S.052</t>
  </si>
  <si>
    <t>S.053</t>
  </si>
  <si>
    <t>S.054</t>
  </si>
  <si>
    <t>S.055</t>
  </si>
  <si>
    <t>S.056</t>
  </si>
  <si>
    <t>S.057</t>
  </si>
  <si>
    <t>S.058</t>
  </si>
  <si>
    <t>S.059</t>
  </si>
  <si>
    <t>S.060</t>
  </si>
  <si>
    <t>S.061</t>
  </si>
  <si>
    <t>S.062</t>
  </si>
  <si>
    <t>S.063</t>
  </si>
  <si>
    <t>S.064</t>
  </si>
  <si>
    <t>S.065</t>
  </si>
  <si>
    <t>S.066</t>
  </si>
  <si>
    <t>S.067</t>
  </si>
  <si>
    <t>S.068</t>
  </si>
  <si>
    <t>S.069</t>
  </si>
  <si>
    <t>S.070</t>
  </si>
  <si>
    <t>S.071</t>
  </si>
  <si>
    <t>S.072</t>
  </si>
  <si>
    <t>S.073</t>
  </si>
  <si>
    <t>S.074</t>
  </si>
  <si>
    <t>S.075</t>
  </si>
  <si>
    <t>S.076</t>
  </si>
  <si>
    <t>S.077</t>
  </si>
  <si>
    <t>S.078</t>
  </si>
  <si>
    <t>S.079</t>
  </si>
  <si>
    <t>S.080</t>
  </si>
  <si>
    <t>S.081</t>
  </si>
  <si>
    <t>S.082</t>
  </si>
  <si>
    <t>S.083</t>
  </si>
  <si>
    <t>S.084</t>
  </si>
  <si>
    <t>S.085</t>
  </si>
  <si>
    <t>S.086</t>
  </si>
  <si>
    <t>S.087</t>
  </si>
  <si>
    <t>S.088</t>
  </si>
  <si>
    <t>S.089</t>
  </si>
  <si>
    <t>S.090</t>
  </si>
  <si>
    <t>S.091</t>
  </si>
  <si>
    <t>S.092</t>
  </si>
  <si>
    <t>S.093</t>
  </si>
  <si>
    <t>S.094</t>
  </si>
  <si>
    <t>S.095</t>
  </si>
  <si>
    <t>S.096</t>
  </si>
  <si>
    <t>S.097</t>
  </si>
  <si>
    <t>S.098</t>
  </si>
  <si>
    <t>S.099</t>
  </si>
  <si>
    <t>S.100</t>
  </si>
  <si>
    <t>S.101</t>
  </si>
  <si>
    <t>S.102</t>
  </si>
  <si>
    <t>S.103</t>
  </si>
  <si>
    <t>S.104</t>
  </si>
  <si>
    <t>S.105</t>
  </si>
  <si>
    <t>S.106</t>
  </si>
  <si>
    <t>S.107</t>
  </si>
  <si>
    <t>S.108</t>
  </si>
  <si>
    <t>S.109</t>
  </si>
  <si>
    <t>S.110</t>
  </si>
  <si>
    <t>S.111</t>
  </si>
  <si>
    <t>S.112</t>
  </si>
  <si>
    <t>S.113</t>
  </si>
  <si>
    <t>S.114</t>
  </si>
  <si>
    <t>S.115</t>
  </si>
  <si>
    <t>S.116</t>
  </si>
  <si>
    <t>S.117</t>
  </si>
  <si>
    <t>S.118</t>
  </si>
  <si>
    <t>S.119</t>
  </si>
  <si>
    <t>S.120</t>
  </si>
  <si>
    <t>S.121</t>
  </si>
  <si>
    <t>S.122</t>
  </si>
  <si>
    <t>S.123</t>
  </si>
  <si>
    <t>S.124</t>
  </si>
  <si>
    <t>S.125</t>
  </si>
  <si>
    <t>S.126</t>
  </si>
  <si>
    <t>S.127</t>
  </si>
  <si>
    <t>S.128</t>
  </si>
  <si>
    <t>S.129</t>
  </si>
  <si>
    <t>S.130</t>
  </si>
  <si>
    <t>S.131</t>
  </si>
  <si>
    <t>S.132</t>
  </si>
  <si>
    <t>S.133</t>
  </si>
  <si>
    <t>S.134</t>
  </si>
  <si>
    <t>S.135</t>
  </si>
  <si>
    <t>S.136</t>
  </si>
  <si>
    <t>S.137</t>
  </si>
  <si>
    <t>S.138</t>
  </si>
  <si>
    <t>S.139</t>
  </si>
  <si>
    <t>S.140</t>
  </si>
  <si>
    <t>S.141</t>
  </si>
  <si>
    <t>S.142</t>
  </si>
  <si>
    <t>S.143</t>
  </si>
  <si>
    <t>S.144</t>
  </si>
  <si>
    <t>S.145</t>
  </si>
  <si>
    <t>S.146</t>
  </si>
  <si>
    <t>S.147</t>
  </si>
  <si>
    <t>S.148</t>
  </si>
  <si>
    <t>S.149</t>
  </si>
  <si>
    <t>S.150</t>
  </si>
  <si>
    <t>S.151</t>
  </si>
  <si>
    <t>S.152</t>
  </si>
  <si>
    <t>S.153</t>
  </si>
  <si>
    <t>S.154</t>
  </si>
  <si>
    <t>S.155</t>
  </si>
  <si>
    <t>S.156</t>
  </si>
  <si>
    <t>S.157</t>
  </si>
  <si>
    <t>S.158</t>
  </si>
  <si>
    <t>S.159</t>
  </si>
  <si>
    <t>S.160</t>
  </si>
  <si>
    <t>S.161</t>
  </si>
  <si>
    <t>S.162</t>
  </si>
  <si>
    <t>S.163</t>
  </si>
  <si>
    <t>S.164</t>
  </si>
  <si>
    <t>S.165</t>
  </si>
  <si>
    <t>S.166</t>
  </si>
  <si>
    <t>S.167</t>
  </si>
  <si>
    <t>S.168</t>
  </si>
  <si>
    <t>S.169</t>
  </si>
  <si>
    <t>S.170</t>
  </si>
  <si>
    <t>S.171</t>
  </si>
  <si>
    <t>S.172</t>
  </si>
  <si>
    <t>S.173</t>
  </si>
  <si>
    <t>S.174</t>
  </si>
  <si>
    <t>S.175</t>
  </si>
  <si>
    <t>S.176</t>
  </si>
  <si>
    <t>S.177</t>
  </si>
  <si>
    <t>S.178</t>
  </si>
  <si>
    <t>S.179</t>
  </si>
  <si>
    <t>S.180</t>
  </si>
  <si>
    <t>S.181</t>
  </si>
  <si>
    <r>
      <t xml:space="preserve">The vendor must respond to each of the functional requirements by selecting one of the following </t>
    </r>
    <r>
      <rPr>
        <b/>
        <sz val="10"/>
        <color theme="1"/>
        <rFont val="Arial"/>
        <family val="2"/>
      </rPr>
      <t>Compliance</t>
    </r>
    <r>
      <rPr>
        <sz val="10"/>
        <color theme="1"/>
        <rFont val="Arial"/>
        <family val="2"/>
      </rPr>
      <t xml:space="preserve"> descriptions.</t>
    </r>
  </si>
  <si>
    <t>Please include information on compliance, implementation, approach and any additional capabilities your solution offers in the comment section.</t>
  </si>
  <si>
    <r>
      <rPr>
        <b/>
        <sz val="10"/>
        <color theme="1"/>
        <rFont val="Arial"/>
        <family val="2"/>
      </rPr>
      <t>Not Required</t>
    </r>
    <r>
      <rPr>
        <sz val="10"/>
        <color theme="1"/>
        <rFont val="Arial"/>
        <family val="2"/>
      </rPr>
      <t xml:space="preserve"> - These are items not required for this option.</t>
    </r>
  </si>
  <si>
    <r>
      <rPr>
        <b/>
        <sz val="10"/>
        <color theme="1"/>
        <rFont val="Arial"/>
        <family val="2"/>
      </rPr>
      <t>We Agree</t>
    </r>
    <r>
      <rPr>
        <sz val="10"/>
        <color theme="1"/>
        <rFont val="Arial"/>
        <family val="2"/>
      </rPr>
      <t xml:space="preserve"> - Existing system functionality will be configured to deliver the requirement.  </t>
    </r>
  </si>
  <si>
    <r>
      <rPr>
        <b/>
        <sz val="10"/>
        <color theme="1"/>
        <rFont val="Arial"/>
        <family val="2"/>
      </rPr>
      <t>Not Met</t>
    </r>
    <r>
      <rPr>
        <sz val="10"/>
        <color theme="1"/>
        <rFont val="Arial"/>
        <family val="2"/>
      </rPr>
      <t xml:space="preserve"> - Existing functionality for this requirement does not exist and vendor can not and will not accommodate.  Therefore this will not be included on your cost proposal.</t>
    </r>
  </si>
  <si>
    <r>
      <rPr>
        <b/>
        <sz val="10"/>
        <color theme="1"/>
        <rFont val="Arial"/>
        <family val="2"/>
      </rPr>
      <t>Comment</t>
    </r>
    <r>
      <rPr>
        <sz val="10"/>
        <color theme="1"/>
        <rFont val="Arial"/>
        <family val="2"/>
      </rPr>
      <t xml:space="preserve"> column is used by the vendor to explain potential exceptions to configurable or method to provide for the requirement through alternative means.</t>
    </r>
  </si>
  <si>
    <t>Total</t>
  </si>
  <si>
    <t>Count</t>
  </si>
  <si>
    <t>Option 1 – Compliance</t>
  </si>
  <si>
    <t>Option 1 – Comment</t>
  </si>
  <si>
    <t>Option 2 – Compliance</t>
  </si>
  <si>
    <t>Option 2 – Comment</t>
  </si>
  <si>
    <t>Ref#</t>
  </si>
  <si>
    <t>Mandatory</t>
  </si>
  <si>
    <t>Not Required</t>
  </si>
  <si>
    <t xml:space="preserve">Option 1 – 
Custom Build </t>
  </si>
  <si>
    <t>The vendor shall maintain ongoing communication with all vendor project team members and FABF stakeholders to ensure alignment with project requirements and FABF expectations.</t>
  </si>
  <si>
    <t>The team shall be dedicated primarily to the FABF project with minimal competing assignments from the vendor.</t>
  </si>
  <si>
    <t>The team shall provide onsite presence at FABF during key project activities, including testing, cutover, and other critical milestones, as required.</t>
  </si>
  <si>
    <t>The team shall be authorized by the vendor to make binding commitments to FABF related to project execution and the vendor’s scope of work.</t>
  </si>
  <si>
    <t>The vendor shall maintain staffing continuity and shall not replace key project personnel without prior written approval from FABF, except as contractually permitted.</t>
  </si>
  <si>
    <t>The vendor shall allow FABF the right to approve or reject proposed replacement personnel prior to assignment and at any time during the project.</t>
  </si>
  <si>
    <t>The vendor shall respond promptly to FABF requests to replace key personnel or additional roles due to performance concerns.</t>
  </si>
  <si>
    <t>The team shall support FABF testing activities, including development of test plans, coordination of conversion testing, tracking of testing progress, and reporting of testing metrics.</t>
  </si>
  <si>
    <t>The team shall review, acknowledge, and comply with FABF’s code of ethics on an annual basis throughout the duration of the project.</t>
  </si>
  <si>
    <t>The vendor will not reassign any Key Project Personnel (Project Manager, Functional Lead and Conversion Lead) for at least a year after that Key Project Personnel member begins work at FABF unless the vendor has received prior written approval from FABF for the staffing change. The vendor acknowledges that, except for termination, a $25,000 penalty may apply should Key Project Personnel be removed from the project without the written consent of the FABF Project Manager.</t>
  </si>
  <si>
    <t>The vendor shall participate in vulnerability assessments or security reviews conducted by FABF or FABF‑selected third parties and provide required technical information and remediation support.</t>
  </si>
  <si>
    <t>The team shall ensure that all third‑party integrations comply with FABF security, data protection, and interface standards.</t>
  </si>
  <si>
    <t>The team shall provide FABF and any FABF‑designated oversight project manager with access to all project materials, documentation, and communications related to third‑party integrations.</t>
  </si>
  <si>
    <t>The team shall develop and deliver training materials that enable FABF staff to effectively use the solution and associated business processes.</t>
  </si>
  <si>
    <t>The team shall customize all training content specifically for the FABF solution and FABF business processes, including normal processing and correction scenarios.</t>
  </si>
  <si>
    <t>The team shall work collaboratively with FABF staff to design and store training materials in a manner that supports long‑term maintenance by FABF.</t>
  </si>
  <si>
    <t>The team shall finalize the Draft Training Plan during project start‑up in collaboration with FABF and obtain formal approval prior to training execution.</t>
  </si>
  <si>
    <t>The team shall document the training and knowledge‑transfer approach to ensure FABF technical and business staff can administer and support the system after project completion.</t>
  </si>
  <si>
    <t>The team shall ensure all training deliverables are completed, reviewed, and approved by FABF prior to the conclusion of the training phase.</t>
  </si>
  <si>
    <t>Option 2 – 
COTS Required</t>
  </si>
  <si>
    <t>Legislative changes which apply to FABF administration occur frequently (at least annually). The bidder is required to commit resources to monitor proposed legislative changes with FABF to plan potential PAS changes. Development of changes should begin upon signature by the Governor for the State of Illinois with implementation of changes by the legislation effective date (typically 60 – 90 days after signature). Additionally, the Bidder shall provide comprehensive documentation related to the implementation, including a description of the purpose of the specific program and detailed user guidelines for proper use of the system.</t>
  </si>
  <si>
    <t>Bidder shall perform data conversion and migration from FABF legacy systems in accordance with a FABF‑approved Conversion Plan. This potentially could be into a Microsoft SQL Server database.</t>
  </si>
  <si>
    <t>Bidder shall ensure encryption, backup, retention, and logical segregation of FABF data, potentially using  using immutable backup capabilities.</t>
  </si>
  <si>
    <t>Bidder shall support FABF‑defined Recovery Time Objectives (RTO) and Recovery Point Objectives (RPO) such as ≤ 4 hours and ≤ 15 minutes respectively.</t>
  </si>
  <si>
    <t>The vendor shall perform security testing (which may include vulnerability scanning or penttest) to validate confidentiality, integrity, authentication, availability, authorization, and non‑repudiation controls, and provide results acceptable to the client.</t>
  </si>
  <si>
    <t xml:space="preserve">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fonts count="16" x14ac:knownFonts="1">
    <font>
      <sz val="10"/>
      <color theme="1"/>
      <name val="Arial"/>
      <family val="2"/>
    </font>
    <font>
      <sz val="10"/>
      <color theme="1"/>
      <name val="Arial"/>
      <family val="2"/>
      <scheme val="minor"/>
    </font>
    <font>
      <sz val="10"/>
      <color theme="1"/>
      <name val="Arial"/>
      <family val="2"/>
    </font>
    <font>
      <b/>
      <sz val="10"/>
      <color theme="1"/>
      <name val="Arial"/>
      <family val="2"/>
      <scheme val="minor"/>
    </font>
    <font>
      <sz val="30"/>
      <name val="Palatino Linotype"/>
      <family val="1"/>
      <scheme val="major"/>
    </font>
    <font>
      <b/>
      <sz val="18"/>
      <color theme="8"/>
      <name val="Arial"/>
      <family val="2"/>
      <scheme val="minor"/>
    </font>
    <font>
      <b/>
      <sz val="16"/>
      <name val="Arial"/>
      <family val="2"/>
      <scheme val="minor"/>
    </font>
    <font>
      <b/>
      <sz val="14"/>
      <color theme="1" tint="0.499984740745262"/>
      <name val="Arial"/>
      <family val="2"/>
      <scheme val="minor"/>
    </font>
    <font>
      <b/>
      <sz val="10"/>
      <color theme="1"/>
      <name val="Arial"/>
      <family val="2"/>
    </font>
    <font>
      <b/>
      <sz val="10"/>
      <name val="Arial"/>
      <family val="2"/>
    </font>
    <font>
      <sz val="16"/>
      <color theme="8"/>
      <name val="Palatino Linotype"/>
      <family val="2"/>
      <scheme val="major"/>
    </font>
    <font>
      <sz val="10"/>
      <color rgb="FF000000"/>
      <name val="Arial"/>
      <family val="2"/>
    </font>
    <font>
      <b/>
      <sz val="10"/>
      <color theme="1"/>
      <name val="Segoe UI"/>
      <family val="2"/>
    </font>
    <font>
      <sz val="10"/>
      <color theme="1"/>
      <name val="Segoe UI"/>
      <family val="2"/>
    </font>
    <font>
      <sz val="11"/>
      <name val="Arial"/>
      <family val="2"/>
    </font>
    <font>
      <sz val="11"/>
      <color theme="1"/>
      <name val="Arial"/>
      <family val="2"/>
    </font>
  </fonts>
  <fills count="5">
    <fill>
      <patternFill patternType="none"/>
    </fill>
    <fill>
      <patternFill patternType="gray125"/>
    </fill>
    <fill>
      <patternFill patternType="solid">
        <fgColor theme="4" tint="0.79998168889431442"/>
        <bgColor indexed="65"/>
      </patternFill>
    </fill>
    <fill>
      <patternFill patternType="solid">
        <fgColor rgb="FFD1E8FF"/>
        <bgColor indexed="64"/>
      </patternFill>
    </fill>
    <fill>
      <patternFill patternType="solid">
        <fgColor theme="6" tint="0.39997558519241921"/>
        <bgColor indexed="64"/>
      </patternFill>
    </fill>
  </fills>
  <borders count="10">
    <border>
      <left/>
      <right/>
      <top/>
      <bottom/>
      <diagonal/>
    </border>
    <border>
      <left/>
      <right/>
      <top style="thin">
        <color theme="0" tint="-0.34998626667073579"/>
      </top>
      <bottom style="thin">
        <color theme="0" tint="-0.34998626667073579"/>
      </bottom>
      <diagonal/>
    </border>
    <border>
      <left/>
      <right/>
      <top style="medium">
        <color theme="2"/>
      </top>
      <bottom/>
      <diagonal/>
    </border>
    <border>
      <left style="thick">
        <color theme="5"/>
      </left>
      <right/>
      <top/>
      <bottom/>
      <diagonal/>
    </border>
    <border>
      <left/>
      <right/>
      <top/>
      <bottom style="medium">
        <color theme="4"/>
      </bottom>
      <diagonal/>
    </border>
    <border>
      <left style="medium">
        <color rgb="FFE6E6E6"/>
      </left>
      <right style="medium">
        <color rgb="FFE6E6E6"/>
      </right>
      <top style="medium">
        <color rgb="FFE6E6E6"/>
      </top>
      <bottom style="medium">
        <color rgb="FFE6E6E6"/>
      </bottom>
      <diagonal/>
    </border>
    <border>
      <left/>
      <right style="medium">
        <color rgb="FFE6E6E6"/>
      </right>
      <top style="medium">
        <color rgb="FFE6E6E6"/>
      </top>
      <bottom style="medium">
        <color rgb="FFE6E6E6"/>
      </bottom>
      <diagonal/>
    </border>
    <border>
      <left/>
      <right style="medium">
        <color rgb="FFE6E6E6"/>
      </right>
      <top/>
      <bottom/>
      <diagonal/>
    </border>
    <border>
      <left/>
      <right style="medium">
        <color rgb="FFE6E6E6"/>
      </right>
      <top/>
      <bottom style="medium">
        <color rgb="FFE6E6E6"/>
      </bottom>
      <diagonal/>
    </border>
    <border>
      <left style="medium">
        <color rgb="FFE6E6E6"/>
      </left>
      <right style="medium">
        <color rgb="FFE6E6E6"/>
      </right>
      <top/>
      <bottom style="medium">
        <color rgb="FFE6E6E6"/>
      </bottom>
      <diagonal/>
    </border>
  </borders>
  <cellStyleXfs count="12">
    <xf numFmtId="0" fontId="0" fillId="0" borderId="0"/>
    <xf numFmtId="0" fontId="4" fillId="0" borderId="3" applyNumberFormat="0" applyFill="0" applyProtection="0">
      <alignment horizontal="left" vertical="top" indent="1"/>
    </xf>
    <xf numFmtId="0" fontId="2" fillId="0" borderId="1">
      <alignment horizontal="left" vertical="top"/>
    </xf>
    <xf numFmtId="0" fontId="3" fillId="3" borderId="2" applyNumberFormat="0" applyProtection="0">
      <alignment horizontal="left" vertical="top" wrapText="1"/>
    </xf>
    <xf numFmtId="0" fontId="1" fillId="2" borderId="0" applyNumberFormat="0" applyBorder="0" applyProtection="0">
      <alignment horizontal="left" vertical="top" wrapText="1"/>
    </xf>
    <xf numFmtId="0" fontId="5" fillId="0" borderId="0" applyNumberFormat="0" applyFill="0" applyProtection="0">
      <alignment horizontal="left" vertical="top" indent="1"/>
    </xf>
    <xf numFmtId="0" fontId="6" fillId="0" borderId="0" applyNumberFormat="0" applyFill="0" applyProtection="0">
      <alignment horizontal="left" vertical="top" indent="1"/>
    </xf>
    <xf numFmtId="0" fontId="7" fillId="0" borderId="0" applyNumberFormat="0" applyFill="0" applyBorder="0" applyProtection="0">
      <alignment horizontal="left" indent="1"/>
    </xf>
    <xf numFmtId="0" fontId="2" fillId="0" borderId="0">
      <alignment horizontal="left" vertical="top" indent="1"/>
    </xf>
    <xf numFmtId="0" fontId="8" fillId="0" borderId="4">
      <alignment horizontal="center"/>
    </xf>
    <xf numFmtId="0" fontId="9" fillId="0" borderId="0"/>
    <xf numFmtId="0" fontId="10" fillId="0" borderId="0" applyNumberFormat="0" applyFill="0" applyBorder="0" applyAlignment="0" applyProtection="0"/>
  </cellStyleXfs>
  <cellXfs count="22">
    <xf numFmtId="0" fontId="0" fillId="0" borderId="0" xfId="0"/>
    <xf numFmtId="0" fontId="0" fillId="0" borderId="0" xfId="0" applyAlignment="1">
      <alignment wrapText="1"/>
    </xf>
    <xf numFmtId="0" fontId="11" fillId="0" borderId="0" xfId="0" applyFont="1" applyAlignment="1">
      <alignment vertical="center"/>
    </xf>
    <xf numFmtId="0" fontId="13" fillId="0" borderId="5" xfId="0" applyFont="1" applyBorder="1" applyAlignment="1">
      <alignment vertical="center" wrapText="1"/>
    </xf>
    <xf numFmtId="0" fontId="13" fillId="0" borderId="5" xfId="0" applyFont="1" applyBorder="1" applyAlignment="1">
      <alignment horizontal="center" vertical="center" wrapText="1"/>
    </xf>
    <xf numFmtId="0" fontId="0" fillId="0" borderId="0" xfId="0" applyAlignment="1">
      <alignment horizontal="center"/>
    </xf>
    <xf numFmtId="0" fontId="14" fillId="0" borderId="5" xfId="0" applyFont="1" applyBorder="1" applyAlignment="1">
      <alignment horizontal="left" vertical="top" wrapText="1"/>
    </xf>
    <xf numFmtId="0" fontId="15" fillId="0" borderId="5" xfId="0" applyFont="1" applyBorder="1" applyAlignment="1">
      <alignment horizontal="left" vertical="top" wrapText="1"/>
    </xf>
    <xf numFmtId="0" fontId="0" fillId="0" borderId="5" xfId="0" applyBorder="1"/>
    <xf numFmtId="0" fontId="13" fillId="0" borderId="0" xfId="0" applyFont="1" applyAlignment="1">
      <alignment vertical="center" wrapText="1"/>
    </xf>
    <xf numFmtId="0" fontId="14" fillId="0" borderId="5" xfId="0" applyFont="1" applyBorder="1" applyAlignment="1">
      <alignment horizontal="center" vertical="center" wrapText="1"/>
    </xf>
    <xf numFmtId="0" fontId="0" fillId="0" borderId="0" xfId="0" applyAlignment="1">
      <alignment horizontal="center" vertical="center"/>
    </xf>
    <xf numFmtId="0" fontId="13" fillId="0" borderId="5" xfId="0" applyFont="1" applyBorder="1" applyAlignment="1">
      <alignment vertical="center"/>
    </xf>
    <xf numFmtId="0" fontId="8" fillId="0" borderId="0" xfId="0" applyFont="1"/>
    <xf numFmtId="0" fontId="13" fillId="0" borderId="6" xfId="0" applyFont="1" applyBorder="1" applyAlignment="1">
      <alignment vertical="center"/>
    </xf>
    <xf numFmtId="0" fontId="12" fillId="0" borderId="7" xfId="0" applyFont="1" applyBorder="1" applyAlignment="1">
      <alignment vertical="center"/>
    </xf>
    <xf numFmtId="0" fontId="13" fillId="0" borderId="6" xfId="0" applyFont="1" applyBorder="1" applyAlignment="1">
      <alignment horizontal="center" vertical="center" wrapText="1"/>
    </xf>
    <xf numFmtId="0" fontId="12" fillId="4" borderId="8" xfId="0" applyFont="1" applyFill="1" applyBorder="1" applyAlignment="1">
      <alignment horizontal="center" vertical="center" wrapText="1"/>
    </xf>
    <xf numFmtId="0" fontId="12" fillId="4" borderId="9" xfId="0" applyFont="1" applyFill="1" applyBorder="1" applyAlignment="1">
      <alignment vertical="center" wrapText="1"/>
    </xf>
    <xf numFmtId="0" fontId="12" fillId="4" borderId="9" xfId="0" applyFont="1" applyFill="1" applyBorder="1" applyAlignment="1">
      <alignment horizontal="center" vertical="center" wrapText="1"/>
    </xf>
    <xf numFmtId="0" fontId="12" fillId="4" borderId="8" xfId="0" applyFont="1" applyFill="1" applyBorder="1" applyAlignment="1">
      <alignment vertical="center"/>
    </xf>
    <xf numFmtId="0" fontId="12" fillId="4" borderId="9" xfId="0" applyFont="1" applyFill="1" applyBorder="1" applyAlignment="1">
      <alignment vertical="center"/>
    </xf>
  </cellXfs>
  <cellStyles count="12">
    <cellStyle name="20% - Accent1" xfId="4" builtinId="30" customBuiltin="1"/>
    <cellStyle name="Body Text" xfId="8" xr:uid="{540A6D7C-1DC2-4B54-AA99-8E0A940062AA}"/>
    <cellStyle name="Heading 1" xfId="1" builtinId="16" customBuiltin="1"/>
    <cellStyle name="Heading 2" xfId="5" builtinId="17" customBuiltin="1"/>
    <cellStyle name="Heading 3" xfId="6" builtinId="18" customBuiltin="1"/>
    <cellStyle name="Heading 4" xfId="7" builtinId="19" customBuiltin="1"/>
    <cellStyle name="Normal" xfId="0" builtinId="0"/>
    <cellStyle name="Normal 2" xfId="10" xr:uid="{0F2E2554-0D90-42D7-A25F-B886A89CE077}"/>
    <cellStyle name="Table Heading" xfId="9" xr:uid="{A4FE61CC-529C-4A64-83FE-34514060CAF6}"/>
    <cellStyle name="Table style 1" xfId="2" xr:uid="{E48018FB-07A6-4CC4-91C1-ADB9179868AE}"/>
    <cellStyle name="Title" xfId="11" builtinId="15" customBuiltin="1"/>
    <cellStyle name="Total" xfId="3" builtinId="25" customBuiltin="1"/>
  </cellStyles>
  <dxfs count="20">
    <dxf>
      <font>
        <b/>
        <i val="0"/>
        <strike val="0"/>
        <condense val="0"/>
        <extend val="0"/>
        <outline val="0"/>
        <shadow val="0"/>
        <u val="none"/>
        <vertAlign val="baseline"/>
        <sz val="10"/>
        <color theme="1"/>
        <name val="Segoe UI"/>
        <family val="2"/>
        <scheme val="none"/>
      </font>
      <fill>
        <patternFill patternType="solid">
          <fgColor indexed="64"/>
          <bgColor theme="6" tint="0.39997558519241921"/>
        </patternFill>
      </fill>
      <alignment horizontal="general" vertical="center" textRotation="0" wrapText="0" indent="0" justifyLastLine="0" shrinkToFit="0" readingOrder="0"/>
      <border diagonalUp="0" diagonalDown="0" outline="0">
        <left style="medium">
          <color rgb="FFE6E6E6"/>
        </left>
        <right style="medium">
          <color rgb="FFE6E6E6"/>
        </right>
        <top/>
        <bottom/>
      </border>
    </dxf>
    <dxf>
      <font>
        <b/>
        <i val="0"/>
        <strike val="0"/>
        <condense val="0"/>
        <extend val="0"/>
        <outline val="0"/>
        <shadow val="0"/>
        <u val="none"/>
        <vertAlign val="baseline"/>
        <sz val="10"/>
        <color theme="1"/>
        <name val="Segoe UI"/>
        <family val="2"/>
        <scheme val="none"/>
      </font>
      <fill>
        <patternFill patternType="solid">
          <fgColor indexed="64"/>
          <bgColor theme="6" tint="0.39997558519241921"/>
        </patternFill>
      </fill>
      <alignment horizontal="center" vertical="center" textRotation="0" wrapText="1" indent="0" justifyLastLine="0" shrinkToFit="0" readingOrder="0"/>
      <border diagonalUp="0" diagonalDown="0" outline="0">
        <left style="medium">
          <color rgb="FFE6E6E6"/>
        </left>
        <right style="medium">
          <color rgb="FFE6E6E6"/>
        </right>
        <top/>
        <bottom/>
      </border>
    </dxf>
    <dxf>
      <font>
        <b val="0"/>
        <i val="0"/>
        <strike val="0"/>
        <condense val="0"/>
        <extend val="0"/>
        <outline val="0"/>
        <shadow val="0"/>
        <u val="none"/>
        <vertAlign val="baseline"/>
        <sz val="10"/>
        <color theme="1"/>
        <name val="Segoe UI"/>
        <family val="2"/>
        <scheme val="none"/>
      </font>
      <alignment horizontal="general" vertical="center" textRotation="0" wrapText="1" indent="0" justifyLastLine="0" shrinkToFit="0" readingOrder="0"/>
    </dxf>
    <dxf>
      <alignment horizontal="center" vertical="center" textRotation="0" wrapText="0" indent="0" justifyLastLine="0" shrinkToFit="0" readingOrder="0"/>
    </dxf>
    <dxf>
      <alignment horizontal="center" vertical="center" textRotation="0" wrapText="0" indent="0" justifyLastLine="0" shrinkToFit="0" readingOrder="0"/>
      <border diagonalUp="0" diagonalDown="0">
        <left style="medium">
          <color rgb="FFE6E6E6"/>
        </left>
        <right style="medium">
          <color rgb="FFE6E6E6"/>
        </right>
        <top style="medium">
          <color rgb="FFE6E6E6"/>
        </top>
        <bottom style="medium">
          <color rgb="FFE6E6E6"/>
        </bottom>
        <vertical/>
        <horizontal/>
      </border>
    </dxf>
    <dxf>
      <font>
        <b val="0"/>
        <i val="0"/>
        <strike val="0"/>
        <condense val="0"/>
        <extend val="0"/>
        <outline val="0"/>
        <shadow val="0"/>
        <u val="none"/>
        <vertAlign val="baseline"/>
        <sz val="11"/>
        <color auto="1"/>
        <name val="Arial"/>
        <family val="2"/>
        <scheme val="none"/>
      </font>
      <alignment horizontal="center" vertical="center" textRotation="0" wrapText="1" indent="0" justifyLastLine="0" shrinkToFit="0" readingOrder="0"/>
      <border diagonalUp="0" diagonalDown="0">
        <left style="medium">
          <color rgb="FFE6E6E6"/>
        </left>
        <right style="medium">
          <color rgb="FFE6E6E6"/>
        </right>
        <top style="medium">
          <color rgb="FFE6E6E6"/>
        </top>
        <bottom style="medium">
          <color rgb="FFE6E6E6"/>
        </bottom>
        <vertical/>
        <horizontal/>
      </border>
    </dxf>
    <dxf>
      <font>
        <b val="0"/>
        <i val="0"/>
        <strike val="0"/>
        <condense val="0"/>
        <extend val="0"/>
        <outline val="0"/>
        <shadow val="0"/>
        <u val="none"/>
        <vertAlign val="baseline"/>
        <sz val="11"/>
        <color auto="1"/>
        <name val="Arial"/>
        <family val="2"/>
        <scheme val="none"/>
      </font>
      <alignment horizontal="center" vertical="center" textRotation="0" wrapText="1" indent="0" justifyLastLine="0" shrinkToFit="0" readingOrder="0"/>
      <border diagonalUp="0" diagonalDown="0">
        <left style="medium">
          <color rgb="FFE6E6E6"/>
        </left>
        <right style="medium">
          <color rgb="FFE6E6E6"/>
        </right>
        <top style="medium">
          <color rgb="FFE6E6E6"/>
        </top>
        <bottom style="medium">
          <color rgb="FFE6E6E6"/>
        </bottom>
        <vertical/>
        <horizontal/>
      </border>
    </dxf>
    <dxf>
      <font>
        <b val="0"/>
        <i val="0"/>
        <strike val="0"/>
        <condense val="0"/>
        <extend val="0"/>
        <outline val="0"/>
        <shadow val="0"/>
        <u val="none"/>
        <vertAlign val="baseline"/>
        <sz val="11"/>
        <color auto="1"/>
        <name val="Arial"/>
        <family val="2"/>
        <scheme val="none"/>
      </font>
      <alignment horizontal="center" vertical="center" textRotation="0" wrapText="1" indent="0" justifyLastLine="0" shrinkToFit="0" readingOrder="0"/>
      <border diagonalUp="0" diagonalDown="0">
        <left style="medium">
          <color rgb="FFE6E6E6"/>
        </left>
        <right style="medium">
          <color rgb="FFE6E6E6"/>
        </right>
        <top style="medium">
          <color rgb="FFE6E6E6"/>
        </top>
        <bottom style="medium">
          <color rgb="FFE6E6E6"/>
        </bottom>
        <vertical/>
        <horizontal/>
      </border>
    </dxf>
    <dxf>
      <font>
        <b val="0"/>
        <i val="0"/>
        <strike val="0"/>
        <condense val="0"/>
        <extend val="0"/>
        <outline val="0"/>
        <shadow val="0"/>
        <u val="none"/>
        <vertAlign val="baseline"/>
        <sz val="10"/>
        <color theme="1"/>
        <name val="Segoe UI"/>
        <family val="2"/>
        <scheme val="none"/>
      </font>
      <alignment horizontal="general" vertical="center" textRotation="0" wrapText="1" indent="0" justifyLastLine="0" shrinkToFit="0" readingOrder="0"/>
      <border diagonalUp="0" diagonalDown="0" outline="0">
        <left style="medium">
          <color rgb="FFE6E6E6"/>
        </left>
        <right style="medium">
          <color rgb="FFE6E6E6"/>
        </right>
        <top style="medium">
          <color rgb="FFE6E6E6"/>
        </top>
        <bottom style="medium">
          <color rgb="FFE6E6E6"/>
        </bottom>
      </border>
    </dxf>
    <dxf>
      <font>
        <b val="0"/>
        <i val="0"/>
        <strike val="0"/>
        <condense val="0"/>
        <extend val="0"/>
        <outline val="0"/>
        <shadow val="0"/>
        <u val="none"/>
        <vertAlign val="baseline"/>
        <sz val="10"/>
        <color theme="1"/>
        <name val="Segoe UI"/>
        <family val="2"/>
        <scheme val="none"/>
      </font>
      <alignment horizontal="general" vertical="center" textRotation="0" wrapText="1" indent="0" justifyLastLine="0" shrinkToFit="0" readingOrder="0"/>
      <border diagonalUp="0" diagonalDown="0" outline="0">
        <left style="medium">
          <color rgb="FFE6E6E6"/>
        </left>
        <right style="medium">
          <color rgb="FFE6E6E6"/>
        </right>
        <top style="medium">
          <color rgb="FFE6E6E6"/>
        </top>
        <bottom style="medium">
          <color rgb="FFE6E6E6"/>
        </bottom>
      </border>
    </dxf>
    <dxf>
      <font>
        <b val="0"/>
        <i val="0"/>
        <strike val="0"/>
        <condense val="0"/>
        <extend val="0"/>
        <outline val="0"/>
        <shadow val="0"/>
        <u val="none"/>
        <vertAlign val="baseline"/>
        <sz val="10"/>
        <color theme="1"/>
        <name val="Segoe UI"/>
        <family val="2"/>
        <scheme val="none"/>
      </font>
      <alignment horizontal="center" vertical="center" textRotation="0" wrapText="1" indent="0" justifyLastLine="0" shrinkToFit="0" readingOrder="0"/>
      <border diagonalUp="0" diagonalDown="0" outline="0">
        <left/>
        <right style="medium">
          <color rgb="FFE6E6E6"/>
        </right>
        <top style="medium">
          <color rgb="FFE6E6E6"/>
        </top>
        <bottom style="medium">
          <color rgb="FFE6E6E6"/>
        </bottom>
      </border>
    </dxf>
    <dxf>
      <border outline="0">
        <left style="medium">
          <color rgb="FFE6E6E6"/>
        </left>
        <top style="medium">
          <color rgb="FFE6E6E6"/>
        </top>
      </border>
    </dxf>
    <dxf>
      <border outline="0">
        <bottom style="medium">
          <color rgb="FFE6E6E6"/>
        </bottom>
      </border>
    </dxf>
    <dxf>
      <font>
        <b val="0"/>
        <i val="0"/>
        <strike val="0"/>
        <condense val="0"/>
        <extend val="0"/>
        <outline val="0"/>
        <shadow val="0"/>
        <u val="none"/>
        <vertAlign val="baseline"/>
        <sz val="10"/>
        <color theme="1"/>
        <name val="Segoe UI"/>
        <family val="2"/>
        <scheme val="none"/>
      </font>
      <alignment horizontal="general" vertical="center" textRotation="0" wrapText="0" indent="0" justifyLastLine="0" shrinkToFit="0" readingOrder="0"/>
      <border diagonalUp="0" diagonalDown="0">
        <left/>
        <right style="medium">
          <color rgb="FFE6E6E6"/>
        </right>
        <top style="medium">
          <color rgb="FFE6E6E6"/>
        </top>
        <bottom style="medium">
          <color rgb="FFE6E6E6"/>
        </bottom>
        <vertical/>
        <horizontal/>
      </border>
    </dxf>
    <dxf>
      <border outline="0">
        <left style="medium">
          <color rgb="FFE6E6E6"/>
        </left>
        <top style="medium">
          <color rgb="FFE6E6E6"/>
        </top>
      </border>
    </dxf>
    <dxf>
      <border outline="0">
        <bottom style="medium">
          <color rgb="FFE6E6E6"/>
        </bottom>
      </border>
    </dxf>
    <dxf>
      <fill>
        <patternFill>
          <bgColor rgb="FFE8FBFC"/>
        </patternFill>
      </fill>
    </dxf>
    <dxf>
      <font>
        <b/>
        <i val="0"/>
      </font>
      <fill>
        <patternFill>
          <bgColor theme="2" tint="0.79998168889431442"/>
        </patternFill>
      </fill>
      <border>
        <top style="medium">
          <color theme="2"/>
        </top>
      </border>
    </dxf>
    <dxf>
      <font>
        <b/>
        <i val="0"/>
      </font>
      <border>
        <bottom style="medium">
          <color theme="4"/>
        </bottom>
      </border>
    </dxf>
    <dxf>
      <border>
        <bottom style="thin">
          <color theme="1" tint="0.499984740745262"/>
        </bottom>
        <horizontal style="thin">
          <color theme="1" tint="0.499984740745262"/>
        </horizontal>
      </border>
    </dxf>
  </dxfs>
  <tableStyles count="1" defaultTableStyle="TableStyleMedium2" defaultPivotStyle="PivotStyleLight16">
    <tableStyle name="Table Style 1" pivot="0" count="4" xr9:uid="{868F91BE-91F8-4348-B89F-861BF923837D}">
      <tableStyleElement type="wholeTable" dxfId="19"/>
      <tableStyleElement type="headerRow" dxfId="18"/>
      <tableStyleElement type="totalRow" dxfId="17"/>
      <tableStyleElement type="firstRowStripe" dxfId="16"/>
    </tableStyle>
  </tableStyles>
  <colors>
    <mruColors>
      <color rgb="FFE8FBFC"/>
      <color rgb="FFD1E8FF"/>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alcChain" Target="calcChain.xml"/><Relationship Id="rId13" Type="http://schemas.openxmlformats.org/officeDocument/2006/relationships/customXml" Target="../customXml/item5.xml"/><Relationship Id="rId3" Type="http://schemas.openxmlformats.org/officeDocument/2006/relationships/worksheet" Target="worksheets/sheet3.xml"/><Relationship Id="rId7" Type="http://schemas.microsoft.com/office/2017/10/relationships/person" Target="persons/person.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11" Type="http://schemas.openxmlformats.org/officeDocument/2006/relationships/customXml" Target="../customXml/item3.xml"/><Relationship Id="rId5" Type="http://schemas.openxmlformats.org/officeDocument/2006/relationships/styles" Target="styles.xml"/><Relationship Id="rId10" Type="http://schemas.openxmlformats.org/officeDocument/2006/relationships/customXml" Target="../customXml/item2.xml"/><Relationship Id="rId4" Type="http://schemas.openxmlformats.org/officeDocument/2006/relationships/theme" Target="theme/theme1.xml"/><Relationship Id="rId9" Type="http://schemas.openxmlformats.org/officeDocument/2006/relationships/customXml" Target="../customXml/item1.xml"/></Relationships>
</file>

<file path=xl/persons/person.xml><?xml version="1.0" encoding="utf-8"?>
<personList xmlns="http://schemas.microsoft.com/office/spreadsheetml/2018/threadedcomments" xmlns:x="http://schemas.openxmlformats.org/spreadsheetml/2006/main"/>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B963E82F-2A10-4F04-885B-19CCE83E2F5A}" name="Table1" displayName="Table1" ref="A1:B20" totalsRowShown="0" headerRowDxfId="0" headerRowBorderDxfId="15" tableBorderDxfId="14">
  <autoFilter ref="A1:B20" xr:uid="{B963E82F-2A10-4F04-885B-19CCE83E2F5A}"/>
  <tableColumns count="2">
    <tableColumn id="1" xr3:uid="{5B486412-50A8-4703-81FA-9FDD6CEDCED5}" name="Category" dataDxfId="13"/>
    <tableColumn id="2" xr3:uid="{7FFC20C2-433C-470B-A97B-27F90D1F2D03}" name="Count"/>
  </tableColumns>
  <tableStyleInfo name="TableStyleLight18"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EE14201B-D00D-4958-8AEC-169E6A9AD9FB}" name="Table2" displayName="Table2" ref="A1:I182" totalsRowShown="0" headerRowDxfId="1" headerRowBorderDxfId="12" tableBorderDxfId="11">
  <autoFilter ref="A1:I182" xr:uid="{EE14201B-D00D-4958-8AEC-169E6A9AD9FB}"/>
  <tableColumns count="9">
    <tableColumn id="1" xr3:uid="{7A20776F-BB1C-4910-BD9A-3EAFC61408CF}" name="Ref#" dataDxfId="10"/>
    <tableColumn id="2" xr3:uid="{374390B9-0261-42B2-AB07-C5E19CD25668}" name="Category" dataDxfId="9"/>
    <tableColumn id="3" xr3:uid="{E579F235-D9AA-43DC-9635-242F045E9378}" name="Requirement Description" dataDxfId="8"/>
    <tableColumn id="4" xr3:uid="{CFA7787A-2419-4701-9BEC-72DB961CDF8D}" name="Option 1 – _x000a_Custom Build " dataDxfId="7"/>
    <tableColumn id="5" xr3:uid="{D16D5AFE-6819-4144-AE4E-8891DB765558}" name="Option 1 – Compliance" dataDxfId="6"/>
    <tableColumn id="6" xr3:uid="{57F34B9A-C049-43DA-A784-DF8E2D64093E}" name="Option 1 – Comment" dataDxfId="5"/>
    <tableColumn id="7" xr3:uid="{6047FB77-659D-4952-916B-3C5F6FE5900F}" name="Option 2 – _x000a_COTS Required" dataDxfId="4"/>
    <tableColumn id="8" xr3:uid="{7AF7B758-68E9-486B-8611-389634717C2B}" name="Option 2 – Compliance" dataDxfId="3"/>
    <tableColumn id="9" xr3:uid="{E5092C19-0A1C-4B1D-A677-EE4065746E66}" name="Option 2 – Comment" dataDxfId="2"/>
  </tableColumns>
  <tableStyleInfo name="TableStyleLight18" showFirstColumn="0" showLastColumn="0" showRowStripes="1" showColumnStripes="0"/>
</table>
</file>

<file path=xl/theme/theme1.xml><?xml version="1.0" encoding="utf-8"?>
<a:theme xmlns:a="http://schemas.openxmlformats.org/drawingml/2006/main" name="Office Theme">
  <a:themeElements>
    <a:clrScheme name="New Segal Rebrand 2020">
      <a:dk1>
        <a:sysClr val="windowText" lastClr="000000"/>
      </a:dk1>
      <a:lt1>
        <a:sysClr val="window" lastClr="FFFFFF"/>
      </a:lt1>
      <a:dk2>
        <a:srgbClr val="863399"/>
      </a:dk2>
      <a:lt2>
        <a:srgbClr val="005CB9"/>
      </a:lt2>
      <a:accent1>
        <a:srgbClr val="1DCAD3"/>
      </a:accent1>
      <a:accent2>
        <a:srgbClr val="E65300"/>
      </a:accent2>
      <a:accent3>
        <a:srgbClr val="3DAE2B"/>
      </a:accent3>
      <a:accent4>
        <a:srgbClr val="D43E96"/>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2.xml.rels><?xml version="1.0" encoding="UTF-8" standalone="yes"?>
<Relationships xmlns="http://schemas.openxmlformats.org/package/2006/relationships"><Relationship Id="rId1" Type="http://schemas.openxmlformats.org/officeDocument/2006/relationships/table" Target="../tables/table1.xml"/></Relationships>
</file>

<file path=xl/worksheets/_rels/sheet3.xml.rels><?xml version="1.0" encoding="UTF-8" standalone="yes"?>
<Relationships xmlns="http://schemas.openxmlformats.org/package/2006/relationships"><Relationship Id="rId1" Type="http://schemas.openxmlformats.org/officeDocument/2006/relationships/table" Target="../tables/table2.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F3B424-C5FE-4308-95EE-5A5E2AAD387A}">
  <dimension ref="A1:G14"/>
  <sheetViews>
    <sheetView tabSelected="1" workbookViewId="0">
      <selection activeCell="D8" sqref="D8"/>
    </sheetView>
  </sheetViews>
  <sheetFormatPr defaultRowHeight="13.2" x14ac:dyDescent="0.25"/>
  <cols>
    <col min="1" max="1" width="106.44140625" customWidth="1"/>
    <col min="7" max="7" width="9.5546875" bestFit="1" customWidth="1"/>
    <col min="8" max="8" width="12.88671875" bestFit="1" customWidth="1"/>
  </cols>
  <sheetData>
    <row r="1" spans="1:7" ht="26.4" x14ac:dyDescent="0.25">
      <c r="A1" s="1" t="s">
        <v>0</v>
      </c>
      <c r="B1" s="1"/>
      <c r="C1" s="1"/>
      <c r="D1" s="1"/>
      <c r="E1" s="1"/>
      <c r="F1" s="1"/>
    </row>
    <row r="2" spans="1:7" x14ac:dyDescent="0.25">
      <c r="A2" s="1" t="s">
        <v>402</v>
      </c>
      <c r="B2" s="1"/>
      <c r="C2" s="1"/>
      <c r="D2" s="1"/>
      <c r="E2" s="1"/>
      <c r="F2" s="1"/>
      <c r="G2" s="2"/>
    </row>
    <row r="3" spans="1:7" x14ac:dyDescent="0.25">
      <c r="A3" s="1" t="s">
        <v>1</v>
      </c>
      <c r="B3" s="1"/>
      <c r="C3" s="1"/>
      <c r="D3" s="1"/>
      <c r="E3" s="1"/>
      <c r="F3" s="1"/>
      <c r="G3" s="2"/>
    </row>
    <row r="4" spans="1:7" x14ac:dyDescent="0.25">
      <c r="A4" s="1" t="s">
        <v>2</v>
      </c>
      <c r="B4" s="1"/>
      <c r="C4" s="1"/>
      <c r="D4" s="1"/>
      <c r="E4" s="1"/>
      <c r="F4" s="1"/>
    </row>
    <row r="5" spans="1:7" x14ac:dyDescent="0.25">
      <c r="A5" s="1" t="s">
        <v>363</v>
      </c>
      <c r="B5" s="1"/>
      <c r="C5" s="1"/>
      <c r="D5" s="1"/>
      <c r="E5" s="1"/>
      <c r="F5" s="1"/>
    </row>
    <row r="6" spans="1:7" x14ac:dyDescent="0.25">
      <c r="A6" s="1"/>
      <c r="B6" s="1"/>
      <c r="C6" s="1"/>
      <c r="D6" s="1"/>
      <c r="E6" s="1"/>
      <c r="F6" s="1"/>
    </row>
    <row r="7" spans="1:7" x14ac:dyDescent="0.25">
      <c r="A7" s="1" t="s">
        <v>361</v>
      </c>
      <c r="B7" s="1"/>
      <c r="C7" s="1"/>
      <c r="D7" s="1"/>
      <c r="E7" s="1"/>
      <c r="F7" s="1"/>
    </row>
    <row r="8" spans="1:7" x14ac:dyDescent="0.25">
      <c r="A8" s="1" t="s">
        <v>364</v>
      </c>
      <c r="B8" s="1"/>
      <c r="C8" s="1"/>
      <c r="D8" s="1"/>
      <c r="E8" s="1"/>
      <c r="F8" s="1"/>
    </row>
    <row r="9" spans="1:7" ht="26.4" x14ac:dyDescent="0.25">
      <c r="A9" s="1" t="s">
        <v>365</v>
      </c>
      <c r="B9" s="1"/>
      <c r="C9" s="1"/>
      <c r="D9" s="1"/>
      <c r="E9" s="1"/>
      <c r="F9" s="1"/>
    </row>
    <row r="10" spans="1:7" x14ac:dyDescent="0.25">
      <c r="A10" s="1"/>
      <c r="B10" s="1"/>
      <c r="C10" s="1"/>
      <c r="D10" s="1"/>
      <c r="E10" s="1"/>
      <c r="F10" s="1"/>
    </row>
    <row r="11" spans="1:7" x14ac:dyDescent="0.25">
      <c r="A11" s="1"/>
      <c r="B11" s="1"/>
      <c r="C11" s="1"/>
      <c r="D11" s="1"/>
      <c r="E11" s="1"/>
      <c r="F11" s="1"/>
    </row>
    <row r="12" spans="1:7" ht="26.4" x14ac:dyDescent="0.25">
      <c r="A12" s="1" t="s">
        <v>366</v>
      </c>
      <c r="B12" s="1"/>
      <c r="C12" s="1"/>
      <c r="D12" s="1"/>
      <c r="E12" s="1"/>
      <c r="F12" s="1"/>
    </row>
    <row r="13" spans="1:7" x14ac:dyDescent="0.25">
      <c r="A13" s="1"/>
      <c r="B13" s="1"/>
      <c r="C13" s="1"/>
      <c r="D13" s="1"/>
      <c r="E13" s="1"/>
      <c r="F13" s="1"/>
    </row>
    <row r="14" spans="1:7" ht="26.4" x14ac:dyDescent="0.25">
      <c r="A14" s="1" t="s">
        <v>362</v>
      </c>
      <c r="B14" s="1"/>
      <c r="C14" s="1"/>
      <c r="D14" s="1"/>
      <c r="E14" s="1"/>
      <c r="F14" s="1"/>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71BF9CC-4C8B-4F13-9140-B3A86D108E3D}">
  <dimension ref="A1:B182"/>
  <sheetViews>
    <sheetView workbookViewId="0">
      <selection activeCell="D5" sqref="D5"/>
    </sheetView>
  </sheetViews>
  <sheetFormatPr defaultRowHeight="15.6" thickBottom="1" x14ac:dyDescent="0.3"/>
  <cols>
    <col min="1" max="1" width="35.109375" style="12" bestFit="1" customWidth="1"/>
  </cols>
  <sheetData>
    <row r="1" spans="1:2" thickBot="1" x14ac:dyDescent="0.3">
      <c r="A1" s="20" t="s">
        <v>3</v>
      </c>
      <c r="B1" s="21" t="s">
        <v>368</v>
      </c>
    </row>
    <row r="2" spans="1:2" thickBot="1" x14ac:dyDescent="0.3">
      <c r="A2" s="14" t="s">
        <v>5</v>
      </c>
      <c r="B2">
        <f>COUNTIF('Service Requirements'!B:B,A2)</f>
        <v>4</v>
      </c>
    </row>
    <row r="3" spans="1:2" thickBot="1" x14ac:dyDescent="0.3">
      <c r="A3" s="14" t="s">
        <v>10</v>
      </c>
      <c r="B3">
        <f>COUNTIF('Service Requirements'!B:B,A3)</f>
        <v>14</v>
      </c>
    </row>
    <row r="4" spans="1:2" thickBot="1" x14ac:dyDescent="0.3">
      <c r="A4" s="14" t="s">
        <v>24</v>
      </c>
      <c r="B4">
        <f>COUNTIF('Service Requirements'!B:B,A4)</f>
        <v>3</v>
      </c>
    </row>
    <row r="5" spans="1:2" thickBot="1" x14ac:dyDescent="0.3">
      <c r="A5" s="14" t="s">
        <v>28</v>
      </c>
      <c r="B5">
        <f>COUNTIF('Service Requirements'!B:B,A5)</f>
        <v>7</v>
      </c>
    </row>
    <row r="6" spans="1:2" thickBot="1" x14ac:dyDescent="0.3">
      <c r="A6" s="14" t="s">
        <v>35</v>
      </c>
      <c r="B6">
        <f>COUNTIF('Service Requirements'!B:B,A6)</f>
        <v>6</v>
      </c>
    </row>
    <row r="7" spans="1:2" thickBot="1" x14ac:dyDescent="0.3">
      <c r="A7" s="14" t="s">
        <v>40</v>
      </c>
      <c r="B7">
        <f>COUNTIF('Service Requirements'!B:B,A7)</f>
        <v>3</v>
      </c>
    </row>
    <row r="8" spans="1:2" thickBot="1" x14ac:dyDescent="0.3">
      <c r="A8" s="14" t="s">
        <v>44</v>
      </c>
      <c r="B8">
        <f>COUNTIF('Service Requirements'!B:B,A8)</f>
        <v>5</v>
      </c>
    </row>
    <row r="9" spans="1:2" thickBot="1" x14ac:dyDescent="0.3">
      <c r="A9" s="14" t="s">
        <v>50</v>
      </c>
      <c r="B9">
        <f>COUNTIF('Service Requirements'!B:B,A9)</f>
        <v>21</v>
      </c>
    </row>
    <row r="10" spans="1:2" thickBot="1" x14ac:dyDescent="0.3">
      <c r="A10" s="14" t="s">
        <v>72</v>
      </c>
      <c r="B10">
        <f>COUNTIF('Service Requirements'!B:B,A10)</f>
        <v>9</v>
      </c>
    </row>
    <row r="11" spans="1:2" thickBot="1" x14ac:dyDescent="0.3">
      <c r="A11" s="14" t="s">
        <v>82</v>
      </c>
      <c r="B11">
        <f>COUNTIF('Service Requirements'!B:B,A11)</f>
        <v>2</v>
      </c>
    </row>
    <row r="12" spans="1:2" thickBot="1" x14ac:dyDescent="0.3">
      <c r="A12" s="14" t="s">
        <v>85</v>
      </c>
      <c r="B12">
        <f>COUNTIF('Service Requirements'!B:B,A12)</f>
        <v>5</v>
      </c>
    </row>
    <row r="13" spans="1:2" thickBot="1" x14ac:dyDescent="0.3">
      <c r="A13" s="14" t="s">
        <v>91</v>
      </c>
      <c r="B13">
        <f>COUNTIF('Service Requirements'!B:B,A13)</f>
        <v>10</v>
      </c>
    </row>
    <row r="14" spans="1:2" thickBot="1" x14ac:dyDescent="0.3">
      <c r="A14" s="14" t="s">
        <v>102</v>
      </c>
      <c r="B14">
        <f>COUNTIF('Service Requirements'!B:B,A14)</f>
        <v>6</v>
      </c>
    </row>
    <row r="15" spans="1:2" thickBot="1" x14ac:dyDescent="0.3">
      <c r="A15" s="14" t="s">
        <v>109</v>
      </c>
      <c r="B15">
        <f>COUNTIF('Service Requirements'!B:B,A15)</f>
        <v>16</v>
      </c>
    </row>
    <row r="16" spans="1:2" thickBot="1" x14ac:dyDescent="0.3">
      <c r="A16" s="14" t="s">
        <v>116</v>
      </c>
      <c r="B16">
        <f>COUNTIF('Service Requirements'!B:B,A16)</f>
        <v>30</v>
      </c>
    </row>
    <row r="17" spans="1:2" thickBot="1" x14ac:dyDescent="0.3">
      <c r="A17" s="14" t="s">
        <v>146</v>
      </c>
      <c r="B17">
        <f>COUNTIF('Service Requirements'!B:B,A17)</f>
        <v>10</v>
      </c>
    </row>
    <row r="18" spans="1:2" thickBot="1" x14ac:dyDescent="0.3">
      <c r="A18" s="14" t="s">
        <v>154</v>
      </c>
      <c r="B18">
        <f>COUNTIF('Service Requirements'!B:B,A18)</f>
        <v>16</v>
      </c>
    </row>
    <row r="19" spans="1:2" thickBot="1" x14ac:dyDescent="0.3">
      <c r="A19" s="14" t="s">
        <v>165</v>
      </c>
      <c r="B19">
        <f>COUNTIF('Service Requirements'!B:B,A19)</f>
        <v>14</v>
      </c>
    </row>
    <row r="20" spans="1:2" ht="15" x14ac:dyDescent="0.25">
      <c r="A20" s="15" t="s">
        <v>367</v>
      </c>
      <c r="B20" s="13">
        <f>SUM(B1:B19)</f>
        <v>181</v>
      </c>
    </row>
    <row r="21" spans="1:2" ht="13.2" x14ac:dyDescent="0.25">
      <c r="A21"/>
    </row>
    <row r="22" spans="1:2" ht="13.2" x14ac:dyDescent="0.25">
      <c r="A22"/>
    </row>
    <row r="23" spans="1:2" ht="13.2" x14ac:dyDescent="0.25">
      <c r="A23"/>
    </row>
    <row r="24" spans="1:2" ht="13.2" x14ac:dyDescent="0.25">
      <c r="A24"/>
    </row>
    <row r="25" spans="1:2" ht="13.2" x14ac:dyDescent="0.25">
      <c r="A25"/>
    </row>
    <row r="26" spans="1:2" ht="13.2" x14ac:dyDescent="0.25">
      <c r="A26"/>
    </row>
    <row r="27" spans="1:2" ht="13.2" x14ac:dyDescent="0.25">
      <c r="A27"/>
    </row>
    <row r="28" spans="1:2" ht="13.2" x14ac:dyDescent="0.25">
      <c r="A28"/>
    </row>
    <row r="29" spans="1:2" ht="13.2" x14ac:dyDescent="0.25">
      <c r="A29"/>
    </row>
    <row r="30" spans="1:2" ht="13.2" x14ac:dyDescent="0.25">
      <c r="A30"/>
    </row>
    <row r="31" spans="1:2" ht="13.2" x14ac:dyDescent="0.25">
      <c r="A31"/>
    </row>
    <row r="32" spans="1:2" ht="13.2" x14ac:dyDescent="0.25">
      <c r="A32"/>
    </row>
    <row r="33" spans="1:1" ht="13.2" x14ac:dyDescent="0.25">
      <c r="A33"/>
    </row>
    <row r="34" spans="1:1" ht="13.2" x14ac:dyDescent="0.25">
      <c r="A34"/>
    </row>
    <row r="35" spans="1:1" ht="13.2" x14ac:dyDescent="0.25">
      <c r="A35"/>
    </row>
    <row r="36" spans="1:1" ht="13.2" x14ac:dyDescent="0.25">
      <c r="A36"/>
    </row>
    <row r="37" spans="1:1" ht="13.2" x14ac:dyDescent="0.25">
      <c r="A37"/>
    </row>
    <row r="38" spans="1:1" ht="13.2" x14ac:dyDescent="0.25">
      <c r="A38"/>
    </row>
    <row r="39" spans="1:1" ht="13.2" x14ac:dyDescent="0.25">
      <c r="A39"/>
    </row>
    <row r="40" spans="1:1" ht="13.2" x14ac:dyDescent="0.25">
      <c r="A40"/>
    </row>
    <row r="41" spans="1:1" ht="13.2" x14ac:dyDescent="0.25">
      <c r="A41"/>
    </row>
    <row r="42" spans="1:1" ht="13.2" x14ac:dyDescent="0.25">
      <c r="A42"/>
    </row>
    <row r="43" spans="1:1" ht="13.2" x14ac:dyDescent="0.25">
      <c r="A43"/>
    </row>
    <row r="44" spans="1:1" ht="13.2" x14ac:dyDescent="0.25">
      <c r="A44"/>
    </row>
    <row r="45" spans="1:1" ht="13.2" x14ac:dyDescent="0.25">
      <c r="A45"/>
    </row>
    <row r="46" spans="1:1" ht="13.2" x14ac:dyDescent="0.25">
      <c r="A46"/>
    </row>
    <row r="47" spans="1:1" ht="13.2" x14ac:dyDescent="0.25">
      <c r="A47"/>
    </row>
    <row r="48" spans="1:1" ht="13.2" x14ac:dyDescent="0.25">
      <c r="A48"/>
    </row>
    <row r="49" spans="1:1" ht="13.2" x14ac:dyDescent="0.25">
      <c r="A49"/>
    </row>
    <row r="50" spans="1:1" ht="13.2" x14ac:dyDescent="0.25">
      <c r="A50"/>
    </row>
    <row r="51" spans="1:1" ht="13.2" x14ac:dyDescent="0.25">
      <c r="A51"/>
    </row>
    <row r="52" spans="1:1" ht="13.2" x14ac:dyDescent="0.25">
      <c r="A52"/>
    </row>
    <row r="53" spans="1:1" ht="13.2" x14ac:dyDescent="0.25">
      <c r="A53"/>
    </row>
    <row r="54" spans="1:1" ht="13.2" x14ac:dyDescent="0.25">
      <c r="A54"/>
    </row>
    <row r="55" spans="1:1" ht="13.2" x14ac:dyDescent="0.25">
      <c r="A55"/>
    </row>
    <row r="56" spans="1:1" ht="13.2" x14ac:dyDescent="0.25">
      <c r="A56"/>
    </row>
    <row r="57" spans="1:1" ht="13.2" x14ac:dyDescent="0.25">
      <c r="A57"/>
    </row>
    <row r="58" spans="1:1" ht="13.2" x14ac:dyDescent="0.25">
      <c r="A58"/>
    </row>
    <row r="59" spans="1:1" ht="13.2" x14ac:dyDescent="0.25">
      <c r="A59"/>
    </row>
    <row r="60" spans="1:1" ht="13.2" x14ac:dyDescent="0.25">
      <c r="A60"/>
    </row>
    <row r="61" spans="1:1" ht="13.2" x14ac:dyDescent="0.25">
      <c r="A61"/>
    </row>
    <row r="62" spans="1:1" ht="13.2" x14ac:dyDescent="0.25">
      <c r="A62"/>
    </row>
    <row r="63" spans="1:1" ht="13.2" x14ac:dyDescent="0.25">
      <c r="A63"/>
    </row>
    <row r="64" spans="1:1" ht="13.2" x14ac:dyDescent="0.25">
      <c r="A64"/>
    </row>
    <row r="65" spans="1:1" ht="13.2" x14ac:dyDescent="0.25">
      <c r="A65"/>
    </row>
    <row r="66" spans="1:1" ht="13.2" x14ac:dyDescent="0.25">
      <c r="A66"/>
    </row>
    <row r="67" spans="1:1" ht="13.2" x14ac:dyDescent="0.25">
      <c r="A67"/>
    </row>
    <row r="68" spans="1:1" ht="13.2" x14ac:dyDescent="0.25">
      <c r="A68"/>
    </row>
    <row r="69" spans="1:1" ht="13.2" x14ac:dyDescent="0.25">
      <c r="A69"/>
    </row>
    <row r="70" spans="1:1" ht="13.2" x14ac:dyDescent="0.25">
      <c r="A70"/>
    </row>
    <row r="71" spans="1:1" ht="13.2" x14ac:dyDescent="0.25">
      <c r="A71"/>
    </row>
    <row r="72" spans="1:1" ht="13.2" x14ac:dyDescent="0.25">
      <c r="A72"/>
    </row>
    <row r="73" spans="1:1" ht="13.2" x14ac:dyDescent="0.25">
      <c r="A73"/>
    </row>
    <row r="74" spans="1:1" ht="13.2" x14ac:dyDescent="0.25">
      <c r="A74"/>
    </row>
    <row r="75" spans="1:1" ht="13.2" x14ac:dyDescent="0.25">
      <c r="A75"/>
    </row>
    <row r="76" spans="1:1" ht="13.2" x14ac:dyDescent="0.25">
      <c r="A76"/>
    </row>
    <row r="77" spans="1:1" ht="13.2" x14ac:dyDescent="0.25">
      <c r="A77"/>
    </row>
    <row r="78" spans="1:1" ht="13.2" x14ac:dyDescent="0.25">
      <c r="A78"/>
    </row>
    <row r="79" spans="1:1" ht="13.2" x14ac:dyDescent="0.25">
      <c r="A79"/>
    </row>
    <row r="80" spans="1:1" ht="13.2" x14ac:dyDescent="0.25">
      <c r="A80"/>
    </row>
    <row r="81" spans="1:1" ht="13.2" x14ac:dyDescent="0.25">
      <c r="A81"/>
    </row>
    <row r="82" spans="1:1" ht="13.2" x14ac:dyDescent="0.25">
      <c r="A82"/>
    </row>
    <row r="83" spans="1:1" ht="13.2" x14ac:dyDescent="0.25">
      <c r="A83"/>
    </row>
    <row r="84" spans="1:1" ht="13.2" x14ac:dyDescent="0.25">
      <c r="A84"/>
    </row>
    <row r="85" spans="1:1" ht="13.2" x14ac:dyDescent="0.25">
      <c r="A85"/>
    </row>
    <row r="86" spans="1:1" ht="13.2" x14ac:dyDescent="0.25">
      <c r="A86"/>
    </row>
    <row r="87" spans="1:1" ht="13.2" x14ac:dyDescent="0.25">
      <c r="A87"/>
    </row>
    <row r="88" spans="1:1" ht="13.2" x14ac:dyDescent="0.25">
      <c r="A88"/>
    </row>
    <row r="89" spans="1:1" ht="13.2" x14ac:dyDescent="0.25">
      <c r="A89"/>
    </row>
    <row r="90" spans="1:1" ht="13.2" x14ac:dyDescent="0.25">
      <c r="A90"/>
    </row>
    <row r="91" spans="1:1" ht="13.2" x14ac:dyDescent="0.25">
      <c r="A91"/>
    </row>
    <row r="92" spans="1:1" ht="13.2" x14ac:dyDescent="0.25">
      <c r="A92"/>
    </row>
    <row r="93" spans="1:1" ht="13.2" x14ac:dyDescent="0.25">
      <c r="A93"/>
    </row>
    <row r="94" spans="1:1" ht="13.2" x14ac:dyDescent="0.25">
      <c r="A94"/>
    </row>
    <row r="95" spans="1:1" ht="13.2" x14ac:dyDescent="0.25">
      <c r="A95"/>
    </row>
    <row r="96" spans="1:1" ht="13.2" x14ac:dyDescent="0.25">
      <c r="A96"/>
    </row>
    <row r="97" spans="1:1" ht="13.2" x14ac:dyDescent="0.25">
      <c r="A97"/>
    </row>
    <row r="98" spans="1:1" ht="13.2" x14ac:dyDescent="0.25">
      <c r="A98"/>
    </row>
    <row r="99" spans="1:1" ht="13.2" x14ac:dyDescent="0.25">
      <c r="A99"/>
    </row>
    <row r="100" spans="1:1" ht="13.2" x14ac:dyDescent="0.25">
      <c r="A100"/>
    </row>
    <row r="101" spans="1:1" ht="13.2" x14ac:dyDescent="0.25">
      <c r="A101"/>
    </row>
    <row r="102" spans="1:1" ht="13.2" x14ac:dyDescent="0.25">
      <c r="A102"/>
    </row>
    <row r="103" spans="1:1" ht="13.2" x14ac:dyDescent="0.25">
      <c r="A103"/>
    </row>
    <row r="104" spans="1:1" ht="13.2" x14ac:dyDescent="0.25">
      <c r="A104"/>
    </row>
    <row r="105" spans="1:1" ht="13.2" x14ac:dyDescent="0.25">
      <c r="A105"/>
    </row>
    <row r="106" spans="1:1" ht="13.2" x14ac:dyDescent="0.25">
      <c r="A106"/>
    </row>
    <row r="107" spans="1:1" ht="13.2" x14ac:dyDescent="0.25">
      <c r="A107"/>
    </row>
    <row r="108" spans="1:1" ht="13.2" x14ac:dyDescent="0.25">
      <c r="A108"/>
    </row>
    <row r="109" spans="1:1" ht="13.2" x14ac:dyDescent="0.25">
      <c r="A109"/>
    </row>
    <row r="110" spans="1:1" ht="13.2" x14ac:dyDescent="0.25">
      <c r="A110"/>
    </row>
    <row r="111" spans="1:1" ht="13.2" x14ac:dyDescent="0.25">
      <c r="A111"/>
    </row>
    <row r="112" spans="1:1" ht="13.2" x14ac:dyDescent="0.25">
      <c r="A112"/>
    </row>
    <row r="113" spans="1:1" ht="13.2" x14ac:dyDescent="0.25">
      <c r="A113"/>
    </row>
    <row r="114" spans="1:1" ht="13.2" x14ac:dyDescent="0.25">
      <c r="A114"/>
    </row>
    <row r="115" spans="1:1" ht="13.2" x14ac:dyDescent="0.25">
      <c r="A115"/>
    </row>
    <row r="116" spans="1:1" ht="13.2" x14ac:dyDescent="0.25">
      <c r="A116"/>
    </row>
    <row r="117" spans="1:1" ht="13.2" x14ac:dyDescent="0.25">
      <c r="A117"/>
    </row>
    <row r="118" spans="1:1" ht="13.2" x14ac:dyDescent="0.25">
      <c r="A118"/>
    </row>
    <row r="119" spans="1:1" ht="13.2" x14ac:dyDescent="0.25">
      <c r="A119"/>
    </row>
    <row r="120" spans="1:1" ht="13.2" x14ac:dyDescent="0.25">
      <c r="A120"/>
    </row>
    <row r="121" spans="1:1" ht="13.2" x14ac:dyDescent="0.25">
      <c r="A121"/>
    </row>
    <row r="122" spans="1:1" ht="13.2" x14ac:dyDescent="0.25">
      <c r="A122"/>
    </row>
    <row r="123" spans="1:1" ht="13.2" x14ac:dyDescent="0.25">
      <c r="A123"/>
    </row>
    <row r="124" spans="1:1" ht="13.2" x14ac:dyDescent="0.25">
      <c r="A124"/>
    </row>
    <row r="125" spans="1:1" ht="13.2" x14ac:dyDescent="0.25">
      <c r="A125"/>
    </row>
    <row r="126" spans="1:1" ht="13.2" x14ac:dyDescent="0.25">
      <c r="A126"/>
    </row>
    <row r="127" spans="1:1" ht="13.2" x14ac:dyDescent="0.25">
      <c r="A127"/>
    </row>
    <row r="128" spans="1:1" ht="13.2" x14ac:dyDescent="0.25">
      <c r="A128"/>
    </row>
    <row r="129" spans="1:1" ht="13.2" x14ac:dyDescent="0.25">
      <c r="A129"/>
    </row>
    <row r="130" spans="1:1" ht="13.2" x14ac:dyDescent="0.25">
      <c r="A130"/>
    </row>
    <row r="131" spans="1:1" ht="13.2" x14ac:dyDescent="0.25">
      <c r="A131"/>
    </row>
    <row r="132" spans="1:1" ht="13.2" x14ac:dyDescent="0.25">
      <c r="A132"/>
    </row>
    <row r="133" spans="1:1" ht="13.2" x14ac:dyDescent="0.25">
      <c r="A133"/>
    </row>
    <row r="134" spans="1:1" ht="13.2" x14ac:dyDescent="0.25">
      <c r="A134"/>
    </row>
    <row r="135" spans="1:1" ht="13.2" x14ac:dyDescent="0.25">
      <c r="A135"/>
    </row>
    <row r="136" spans="1:1" ht="13.2" x14ac:dyDescent="0.25">
      <c r="A136"/>
    </row>
    <row r="137" spans="1:1" ht="13.2" x14ac:dyDescent="0.25">
      <c r="A137"/>
    </row>
    <row r="138" spans="1:1" ht="13.2" x14ac:dyDescent="0.25">
      <c r="A138"/>
    </row>
    <row r="139" spans="1:1" ht="13.2" x14ac:dyDescent="0.25">
      <c r="A139"/>
    </row>
    <row r="140" spans="1:1" ht="13.2" x14ac:dyDescent="0.25">
      <c r="A140"/>
    </row>
    <row r="141" spans="1:1" ht="13.2" x14ac:dyDescent="0.25">
      <c r="A141"/>
    </row>
    <row r="142" spans="1:1" ht="13.2" x14ac:dyDescent="0.25">
      <c r="A142"/>
    </row>
    <row r="143" spans="1:1" ht="13.2" x14ac:dyDescent="0.25">
      <c r="A143"/>
    </row>
    <row r="144" spans="1:1" ht="13.2" x14ac:dyDescent="0.25">
      <c r="A144"/>
    </row>
    <row r="145" spans="1:1" ht="13.2" x14ac:dyDescent="0.25">
      <c r="A145"/>
    </row>
    <row r="146" spans="1:1" ht="13.2" x14ac:dyDescent="0.25">
      <c r="A146"/>
    </row>
    <row r="147" spans="1:1" ht="13.2" x14ac:dyDescent="0.25">
      <c r="A147"/>
    </row>
    <row r="148" spans="1:1" ht="13.2" x14ac:dyDescent="0.25">
      <c r="A148"/>
    </row>
    <row r="149" spans="1:1" ht="13.2" x14ac:dyDescent="0.25">
      <c r="A149"/>
    </row>
    <row r="150" spans="1:1" ht="13.2" x14ac:dyDescent="0.25">
      <c r="A150"/>
    </row>
    <row r="151" spans="1:1" ht="13.2" x14ac:dyDescent="0.25">
      <c r="A151"/>
    </row>
    <row r="152" spans="1:1" ht="13.2" x14ac:dyDescent="0.25">
      <c r="A152"/>
    </row>
    <row r="153" spans="1:1" ht="13.2" x14ac:dyDescent="0.25">
      <c r="A153"/>
    </row>
    <row r="154" spans="1:1" ht="13.2" x14ac:dyDescent="0.25">
      <c r="A154"/>
    </row>
    <row r="155" spans="1:1" ht="13.2" x14ac:dyDescent="0.25">
      <c r="A155"/>
    </row>
    <row r="156" spans="1:1" ht="13.2" x14ac:dyDescent="0.25">
      <c r="A156"/>
    </row>
    <row r="157" spans="1:1" ht="13.2" x14ac:dyDescent="0.25">
      <c r="A157"/>
    </row>
    <row r="158" spans="1:1" ht="13.2" x14ac:dyDescent="0.25">
      <c r="A158"/>
    </row>
    <row r="159" spans="1:1" ht="13.2" x14ac:dyDescent="0.25">
      <c r="A159"/>
    </row>
    <row r="160" spans="1:1" ht="13.2" x14ac:dyDescent="0.25">
      <c r="A160"/>
    </row>
    <row r="161" spans="1:1" ht="13.2" x14ac:dyDescent="0.25">
      <c r="A161"/>
    </row>
    <row r="162" spans="1:1" ht="13.2" x14ac:dyDescent="0.25">
      <c r="A162"/>
    </row>
    <row r="163" spans="1:1" ht="13.2" x14ac:dyDescent="0.25">
      <c r="A163"/>
    </row>
    <row r="164" spans="1:1" ht="13.2" x14ac:dyDescent="0.25">
      <c r="A164"/>
    </row>
    <row r="165" spans="1:1" ht="13.2" x14ac:dyDescent="0.25">
      <c r="A165"/>
    </row>
    <row r="166" spans="1:1" ht="13.2" x14ac:dyDescent="0.25">
      <c r="A166"/>
    </row>
    <row r="167" spans="1:1" ht="13.2" x14ac:dyDescent="0.25">
      <c r="A167"/>
    </row>
    <row r="168" spans="1:1" ht="13.2" x14ac:dyDescent="0.25">
      <c r="A168"/>
    </row>
    <row r="169" spans="1:1" ht="13.2" x14ac:dyDescent="0.25">
      <c r="A169"/>
    </row>
    <row r="170" spans="1:1" ht="13.2" x14ac:dyDescent="0.25">
      <c r="A170"/>
    </row>
    <row r="171" spans="1:1" ht="13.2" x14ac:dyDescent="0.25">
      <c r="A171"/>
    </row>
    <row r="172" spans="1:1" ht="13.2" x14ac:dyDescent="0.25">
      <c r="A172"/>
    </row>
    <row r="173" spans="1:1" ht="13.2" x14ac:dyDescent="0.25">
      <c r="A173"/>
    </row>
    <row r="174" spans="1:1" ht="13.2" x14ac:dyDescent="0.25">
      <c r="A174"/>
    </row>
    <row r="175" spans="1:1" ht="13.2" x14ac:dyDescent="0.25">
      <c r="A175"/>
    </row>
    <row r="176" spans="1:1" ht="13.2" x14ac:dyDescent="0.25">
      <c r="A176"/>
    </row>
    <row r="177" spans="1:1" ht="13.2" x14ac:dyDescent="0.25">
      <c r="A177"/>
    </row>
    <row r="178" spans="1:1" ht="13.2" x14ac:dyDescent="0.25">
      <c r="A178"/>
    </row>
    <row r="179" spans="1:1" ht="13.2" x14ac:dyDescent="0.25">
      <c r="A179"/>
    </row>
    <row r="180" spans="1:1" ht="13.2" x14ac:dyDescent="0.25">
      <c r="A180"/>
    </row>
    <row r="181" spans="1:1" ht="13.2" x14ac:dyDescent="0.25">
      <c r="A181"/>
    </row>
    <row r="182" spans="1:1" ht="13.8" thickBot="1" x14ac:dyDescent="0.3">
      <c r="A182"/>
    </row>
  </sheetData>
  <pageMargins left="0.7" right="0.7" top="0.75" bottom="0.75" header="0.3" footer="0.3"/>
  <tableParts count="1">
    <tablePart r:id="rId1"/>
  </tableParts>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898B17A-7483-48B2-A822-475AE2C22A28}">
  <dimension ref="A1:I182"/>
  <sheetViews>
    <sheetView topLeftCell="E1" zoomScale="90" zoomScaleNormal="90" workbookViewId="0">
      <pane ySplit="1" topLeftCell="A2" activePane="bottomLeft" state="frozen"/>
      <selection pane="bottomLeft" activeCell="I3" sqref="I3"/>
    </sheetView>
  </sheetViews>
  <sheetFormatPr defaultRowHeight="15.6" thickBottom="1" x14ac:dyDescent="0.3"/>
  <cols>
    <col min="1" max="1" width="9.5546875" style="11" bestFit="1" customWidth="1"/>
    <col min="2" max="2" width="15.6640625" style="3" bestFit="1" customWidth="1"/>
    <col min="3" max="3" width="47" style="3" customWidth="1"/>
    <col min="4" max="4" width="17.5546875" style="5" bestFit="1" customWidth="1"/>
    <col min="5" max="5" width="15.88671875" style="5" bestFit="1" customWidth="1"/>
    <col min="6" max="6" width="40.6640625" style="5" customWidth="1"/>
    <col min="7" max="7" width="14.88671875" style="5" bestFit="1" customWidth="1"/>
    <col min="8" max="8" width="15.88671875" style="5" bestFit="1" customWidth="1"/>
    <col min="9" max="9" width="40.6640625" customWidth="1"/>
  </cols>
  <sheetData>
    <row r="1" spans="1:9" ht="30.6" thickBot="1" x14ac:dyDescent="0.3">
      <c r="A1" s="17" t="s">
        <v>373</v>
      </c>
      <c r="B1" s="18" t="s">
        <v>3</v>
      </c>
      <c r="C1" s="18" t="s">
        <v>4</v>
      </c>
      <c r="D1" s="19" t="s">
        <v>376</v>
      </c>
      <c r="E1" s="19" t="s">
        <v>369</v>
      </c>
      <c r="F1" s="19" t="s">
        <v>370</v>
      </c>
      <c r="G1" s="19" t="s">
        <v>396</v>
      </c>
      <c r="H1" s="19" t="s">
        <v>371</v>
      </c>
      <c r="I1" s="19" t="s">
        <v>372</v>
      </c>
    </row>
    <row r="2" spans="1:9" ht="45.6" thickBot="1" x14ac:dyDescent="0.3">
      <c r="A2" s="16" t="s">
        <v>180</v>
      </c>
      <c r="B2" s="3" t="s">
        <v>5</v>
      </c>
      <c r="C2" s="3" t="s">
        <v>6</v>
      </c>
      <c r="D2" s="4" t="s">
        <v>374</v>
      </c>
      <c r="E2" s="4"/>
      <c r="F2" s="4"/>
      <c r="G2" s="4" t="s">
        <v>374</v>
      </c>
      <c r="H2" s="4"/>
      <c r="I2" s="3"/>
    </row>
    <row r="3" spans="1:9" ht="45.6" thickBot="1" x14ac:dyDescent="0.3">
      <c r="A3" s="16" t="s">
        <v>181</v>
      </c>
      <c r="B3" s="3" t="s">
        <v>5</v>
      </c>
      <c r="C3" s="3" t="s">
        <v>7</v>
      </c>
      <c r="D3" s="4" t="s">
        <v>374</v>
      </c>
      <c r="E3" s="4"/>
      <c r="F3" s="4"/>
      <c r="G3" s="4" t="s">
        <v>374</v>
      </c>
      <c r="H3" s="4"/>
      <c r="I3" s="3"/>
    </row>
    <row r="4" spans="1:9" ht="30.6" thickBot="1" x14ac:dyDescent="0.3">
      <c r="A4" s="16" t="s">
        <v>182</v>
      </c>
      <c r="B4" s="3" t="s">
        <v>5</v>
      </c>
      <c r="C4" s="3" t="s">
        <v>8</v>
      </c>
      <c r="D4" s="4" t="s">
        <v>374</v>
      </c>
      <c r="E4" s="4"/>
      <c r="F4" s="4"/>
      <c r="G4" s="4" t="s">
        <v>374</v>
      </c>
      <c r="H4" s="4"/>
      <c r="I4" s="3"/>
    </row>
    <row r="5" spans="1:9" ht="30.6" thickBot="1" x14ac:dyDescent="0.3">
      <c r="A5" s="16" t="s">
        <v>183</v>
      </c>
      <c r="B5" s="3" t="s">
        <v>5</v>
      </c>
      <c r="C5" s="3" t="s">
        <v>9</v>
      </c>
      <c r="D5" s="4" t="s">
        <v>374</v>
      </c>
      <c r="E5" s="4"/>
      <c r="F5" s="4"/>
      <c r="G5" s="4" t="s">
        <v>374</v>
      </c>
      <c r="H5" s="4"/>
      <c r="I5" s="3"/>
    </row>
    <row r="6" spans="1:9" ht="45.6" thickBot="1" x14ac:dyDescent="0.3">
      <c r="A6" s="16" t="s">
        <v>184</v>
      </c>
      <c r="B6" s="3" t="s">
        <v>10</v>
      </c>
      <c r="C6" s="3" t="s">
        <v>11</v>
      </c>
      <c r="D6" s="4" t="s">
        <v>374</v>
      </c>
      <c r="E6" s="4"/>
      <c r="F6" s="4"/>
      <c r="G6" s="4" t="s">
        <v>374</v>
      </c>
      <c r="H6" s="4"/>
      <c r="I6" s="3"/>
    </row>
    <row r="7" spans="1:9" ht="45.6" thickBot="1" x14ac:dyDescent="0.3">
      <c r="A7" s="16" t="s">
        <v>185</v>
      </c>
      <c r="B7" s="3" t="s">
        <v>10</v>
      </c>
      <c r="C7" s="3" t="s">
        <v>12</v>
      </c>
      <c r="D7" s="4" t="s">
        <v>374</v>
      </c>
      <c r="E7" s="4"/>
      <c r="F7" s="4"/>
      <c r="G7" s="4" t="s">
        <v>374</v>
      </c>
      <c r="H7" s="4"/>
      <c r="I7" s="3"/>
    </row>
    <row r="8" spans="1:9" ht="45.6" thickBot="1" x14ac:dyDescent="0.3">
      <c r="A8" s="16" t="s">
        <v>186</v>
      </c>
      <c r="B8" s="3" t="s">
        <v>10</v>
      </c>
      <c r="C8" s="3" t="s">
        <v>13</v>
      </c>
      <c r="D8" s="4" t="s">
        <v>375</v>
      </c>
      <c r="E8" s="4"/>
      <c r="F8" s="4"/>
      <c r="G8" s="4" t="s">
        <v>374</v>
      </c>
      <c r="H8" s="4"/>
      <c r="I8" s="3"/>
    </row>
    <row r="9" spans="1:9" ht="45.6" thickBot="1" x14ac:dyDescent="0.3">
      <c r="A9" s="16" t="s">
        <v>187</v>
      </c>
      <c r="B9" s="3" t="s">
        <v>10</v>
      </c>
      <c r="C9" s="3" t="s">
        <v>14</v>
      </c>
      <c r="D9" s="4" t="s">
        <v>374</v>
      </c>
      <c r="E9" s="4"/>
      <c r="F9" s="4"/>
      <c r="G9" s="4" t="s">
        <v>374</v>
      </c>
      <c r="H9" s="4"/>
      <c r="I9" s="3"/>
    </row>
    <row r="10" spans="1:9" ht="45.6" thickBot="1" x14ac:dyDescent="0.3">
      <c r="A10" s="16" t="s">
        <v>188</v>
      </c>
      <c r="B10" s="3" t="s">
        <v>10</v>
      </c>
      <c r="C10" s="3" t="s">
        <v>15</v>
      </c>
      <c r="D10" s="4" t="s">
        <v>374</v>
      </c>
      <c r="E10" s="4"/>
      <c r="F10" s="4"/>
      <c r="G10" s="4" t="s">
        <v>374</v>
      </c>
      <c r="H10" s="4"/>
      <c r="I10" s="3"/>
    </row>
    <row r="11" spans="1:9" ht="45.6" thickBot="1" x14ac:dyDescent="0.3">
      <c r="A11" s="16" t="s">
        <v>189</v>
      </c>
      <c r="B11" s="3" t="s">
        <v>10</v>
      </c>
      <c r="C11" s="3" t="s">
        <v>16</v>
      </c>
      <c r="D11" s="4" t="s">
        <v>374</v>
      </c>
      <c r="E11" s="4"/>
      <c r="F11" s="4"/>
      <c r="G11" s="4" t="s">
        <v>374</v>
      </c>
      <c r="H11" s="4"/>
      <c r="I11" s="3"/>
    </row>
    <row r="12" spans="1:9" ht="45.6" thickBot="1" x14ac:dyDescent="0.3">
      <c r="A12" s="16" t="s">
        <v>190</v>
      </c>
      <c r="B12" s="3" t="s">
        <v>10</v>
      </c>
      <c r="C12" s="3" t="s">
        <v>17</v>
      </c>
      <c r="D12" s="4" t="s">
        <v>374</v>
      </c>
      <c r="E12" s="4"/>
      <c r="F12" s="4"/>
      <c r="G12" s="4" t="s">
        <v>374</v>
      </c>
      <c r="H12" s="4"/>
      <c r="I12" s="3"/>
    </row>
    <row r="13" spans="1:9" ht="45.6" thickBot="1" x14ac:dyDescent="0.3">
      <c r="A13" s="16" t="s">
        <v>191</v>
      </c>
      <c r="B13" s="3" t="s">
        <v>10</v>
      </c>
      <c r="C13" s="3" t="s">
        <v>18</v>
      </c>
      <c r="D13" s="4" t="s">
        <v>374</v>
      </c>
      <c r="E13" s="4"/>
      <c r="F13" s="4"/>
      <c r="G13" s="4" t="s">
        <v>374</v>
      </c>
      <c r="H13" s="4"/>
      <c r="I13" s="3"/>
    </row>
    <row r="14" spans="1:9" ht="45.6" thickBot="1" x14ac:dyDescent="0.3">
      <c r="A14" s="16" t="s">
        <v>192</v>
      </c>
      <c r="B14" s="3" t="s">
        <v>10</v>
      </c>
      <c r="C14" s="3" t="s">
        <v>19</v>
      </c>
      <c r="D14" s="4" t="s">
        <v>374</v>
      </c>
      <c r="E14" s="4"/>
      <c r="F14" s="4"/>
      <c r="G14" s="4" t="s">
        <v>374</v>
      </c>
      <c r="H14" s="4"/>
      <c r="I14" s="3"/>
    </row>
    <row r="15" spans="1:9" ht="45.6" thickBot="1" x14ac:dyDescent="0.3">
      <c r="A15" s="16" t="s">
        <v>193</v>
      </c>
      <c r="B15" s="3" t="s">
        <v>10</v>
      </c>
      <c r="C15" s="3" t="s">
        <v>20</v>
      </c>
      <c r="D15" s="4" t="s">
        <v>374</v>
      </c>
      <c r="E15" s="4"/>
      <c r="F15" s="4"/>
      <c r="G15" s="4" t="s">
        <v>374</v>
      </c>
      <c r="H15" s="4"/>
      <c r="I15" s="3"/>
    </row>
    <row r="16" spans="1:9" ht="60.6" thickBot="1" x14ac:dyDescent="0.3">
      <c r="A16" s="16" t="s">
        <v>194</v>
      </c>
      <c r="B16" s="3" t="s">
        <v>10</v>
      </c>
      <c r="C16" s="3" t="s">
        <v>21</v>
      </c>
      <c r="D16" s="4" t="s">
        <v>374</v>
      </c>
      <c r="E16" s="4"/>
      <c r="F16" s="4"/>
      <c r="G16" s="4" t="s">
        <v>374</v>
      </c>
      <c r="H16" s="4"/>
      <c r="I16" s="3"/>
    </row>
    <row r="17" spans="1:9" ht="45.6" thickBot="1" x14ac:dyDescent="0.3">
      <c r="A17" s="16" t="s">
        <v>195</v>
      </c>
      <c r="B17" s="3" t="s">
        <v>10</v>
      </c>
      <c r="C17" s="3" t="s">
        <v>22</v>
      </c>
      <c r="D17" s="4" t="s">
        <v>374</v>
      </c>
      <c r="E17" s="4"/>
      <c r="F17" s="4"/>
      <c r="G17" s="4" t="s">
        <v>374</v>
      </c>
      <c r="H17" s="4"/>
      <c r="I17" s="3"/>
    </row>
    <row r="18" spans="1:9" ht="45.6" thickBot="1" x14ac:dyDescent="0.3">
      <c r="A18" s="16" t="s">
        <v>196</v>
      </c>
      <c r="B18" s="3" t="s">
        <v>10</v>
      </c>
      <c r="C18" s="3" t="s">
        <v>23</v>
      </c>
      <c r="D18" s="4" t="s">
        <v>374</v>
      </c>
      <c r="E18" s="4"/>
      <c r="F18" s="4"/>
      <c r="G18" s="4" t="s">
        <v>374</v>
      </c>
      <c r="H18" s="4"/>
      <c r="I18" s="3"/>
    </row>
    <row r="19" spans="1:9" ht="210.6" thickBot="1" x14ac:dyDescent="0.3">
      <c r="A19" s="16" t="s">
        <v>197</v>
      </c>
      <c r="B19" s="3" t="s">
        <v>10</v>
      </c>
      <c r="C19" s="3" t="s">
        <v>397</v>
      </c>
      <c r="D19" s="4" t="s">
        <v>374</v>
      </c>
      <c r="E19" s="4"/>
      <c r="F19" s="4"/>
      <c r="G19" s="4" t="s">
        <v>374</v>
      </c>
      <c r="H19" s="4"/>
      <c r="I19" s="3"/>
    </row>
    <row r="20" spans="1:9" ht="45.6" thickBot="1" x14ac:dyDescent="0.3">
      <c r="A20" s="16" t="s">
        <v>198</v>
      </c>
      <c r="B20" s="3" t="s">
        <v>24</v>
      </c>
      <c r="C20" s="3" t="s">
        <v>25</v>
      </c>
      <c r="D20" s="4" t="s">
        <v>374</v>
      </c>
      <c r="E20" s="4"/>
      <c r="F20" s="4"/>
      <c r="G20" s="4" t="s">
        <v>374</v>
      </c>
      <c r="H20" s="4"/>
      <c r="I20" s="3"/>
    </row>
    <row r="21" spans="1:9" ht="30.6" thickBot="1" x14ac:dyDescent="0.3">
      <c r="A21" s="16" t="s">
        <v>199</v>
      </c>
      <c r="B21" s="3" t="s">
        <v>24</v>
      </c>
      <c r="C21" s="3" t="s">
        <v>26</v>
      </c>
      <c r="D21" s="4" t="s">
        <v>374</v>
      </c>
      <c r="E21" s="4"/>
      <c r="F21" s="4"/>
      <c r="G21" s="4" t="s">
        <v>374</v>
      </c>
      <c r="H21" s="4"/>
      <c r="I21" s="3"/>
    </row>
    <row r="22" spans="1:9" ht="30.6" thickBot="1" x14ac:dyDescent="0.3">
      <c r="A22" s="16" t="s">
        <v>200</v>
      </c>
      <c r="B22" s="3" t="s">
        <v>24</v>
      </c>
      <c r="C22" s="3" t="s">
        <v>27</v>
      </c>
      <c r="D22" s="4" t="s">
        <v>374</v>
      </c>
      <c r="E22" s="4"/>
      <c r="F22" s="4"/>
      <c r="G22" s="4" t="s">
        <v>374</v>
      </c>
      <c r="H22" s="4"/>
      <c r="I22" s="3"/>
    </row>
    <row r="23" spans="1:9" ht="60.6" thickBot="1" x14ac:dyDescent="0.3">
      <c r="A23" s="16" t="s">
        <v>201</v>
      </c>
      <c r="B23" s="3" t="s">
        <v>28</v>
      </c>
      <c r="C23" s="3" t="s">
        <v>398</v>
      </c>
      <c r="D23" s="4" t="s">
        <v>374</v>
      </c>
      <c r="E23" s="4"/>
      <c r="F23" s="4"/>
      <c r="G23" s="4" t="s">
        <v>374</v>
      </c>
      <c r="H23" s="4"/>
      <c r="I23" s="3"/>
    </row>
    <row r="24" spans="1:9" ht="45.6" thickBot="1" x14ac:dyDescent="0.3">
      <c r="A24" s="16" t="s">
        <v>202</v>
      </c>
      <c r="B24" s="3" t="s">
        <v>28</v>
      </c>
      <c r="C24" s="3" t="s">
        <v>29</v>
      </c>
      <c r="D24" s="4" t="s">
        <v>374</v>
      </c>
      <c r="E24" s="4"/>
      <c r="F24" s="4"/>
      <c r="G24" s="4" t="s">
        <v>374</v>
      </c>
      <c r="H24" s="4"/>
      <c r="I24" s="3"/>
    </row>
    <row r="25" spans="1:9" ht="30.6" thickBot="1" x14ac:dyDescent="0.3">
      <c r="A25" s="16" t="s">
        <v>203</v>
      </c>
      <c r="B25" s="3" t="s">
        <v>28</v>
      </c>
      <c r="C25" s="3" t="s">
        <v>30</v>
      </c>
      <c r="D25" s="4" t="s">
        <v>374</v>
      </c>
      <c r="E25" s="4"/>
      <c r="F25" s="4"/>
      <c r="G25" s="4" t="s">
        <v>374</v>
      </c>
      <c r="H25" s="4"/>
      <c r="I25" s="3"/>
    </row>
    <row r="26" spans="1:9" ht="75.599999999999994" thickBot="1" x14ac:dyDescent="0.3">
      <c r="A26" s="16" t="s">
        <v>204</v>
      </c>
      <c r="B26" s="3" t="s">
        <v>28</v>
      </c>
      <c r="C26" s="3" t="s">
        <v>31</v>
      </c>
      <c r="D26" s="4" t="s">
        <v>374</v>
      </c>
      <c r="E26" s="4"/>
      <c r="F26" s="7"/>
      <c r="G26" s="4" t="s">
        <v>374</v>
      </c>
      <c r="H26" s="4"/>
      <c r="I26" s="8"/>
    </row>
    <row r="27" spans="1:9" ht="60.6" thickBot="1" x14ac:dyDescent="0.3">
      <c r="A27" s="16" t="s">
        <v>205</v>
      </c>
      <c r="B27" s="3" t="s">
        <v>28</v>
      </c>
      <c r="C27" s="3" t="s">
        <v>32</v>
      </c>
      <c r="D27" s="4" t="s">
        <v>374</v>
      </c>
      <c r="E27" s="4"/>
      <c r="F27" s="7"/>
      <c r="G27" s="4" t="s">
        <v>374</v>
      </c>
      <c r="H27" s="4"/>
      <c r="I27" s="8"/>
    </row>
    <row r="28" spans="1:9" ht="60.6" thickBot="1" x14ac:dyDescent="0.3">
      <c r="A28" s="16" t="s">
        <v>206</v>
      </c>
      <c r="B28" s="3" t="s">
        <v>28</v>
      </c>
      <c r="C28" s="3" t="s">
        <v>33</v>
      </c>
      <c r="D28" s="4" t="s">
        <v>374</v>
      </c>
      <c r="E28" s="4"/>
      <c r="F28" s="7"/>
      <c r="G28" s="4" t="s">
        <v>374</v>
      </c>
      <c r="H28" s="4"/>
      <c r="I28" s="8"/>
    </row>
    <row r="29" spans="1:9" ht="60.6" thickBot="1" x14ac:dyDescent="0.3">
      <c r="A29" s="16" t="s">
        <v>207</v>
      </c>
      <c r="B29" s="3" t="s">
        <v>28</v>
      </c>
      <c r="C29" s="3" t="s">
        <v>34</v>
      </c>
      <c r="D29" s="4" t="s">
        <v>374</v>
      </c>
      <c r="E29" s="4"/>
      <c r="F29" s="7"/>
      <c r="G29" s="4" t="s">
        <v>374</v>
      </c>
      <c r="H29" s="4"/>
      <c r="I29" s="8"/>
    </row>
    <row r="30" spans="1:9" ht="30.6" thickBot="1" x14ac:dyDescent="0.3">
      <c r="A30" s="16" t="s">
        <v>208</v>
      </c>
      <c r="B30" s="3" t="s">
        <v>35</v>
      </c>
      <c r="C30" s="3" t="s">
        <v>36</v>
      </c>
      <c r="D30" s="4" t="s">
        <v>374</v>
      </c>
      <c r="E30" s="4"/>
      <c r="F30" s="4"/>
      <c r="G30" s="4" t="s">
        <v>374</v>
      </c>
      <c r="H30" s="4"/>
      <c r="I30" s="3"/>
    </row>
    <row r="31" spans="1:9" ht="30.6" thickBot="1" x14ac:dyDescent="0.3">
      <c r="A31" s="16" t="s">
        <v>209</v>
      </c>
      <c r="B31" s="3" t="s">
        <v>35</v>
      </c>
      <c r="C31" s="3" t="s">
        <v>37</v>
      </c>
      <c r="D31" s="4" t="s">
        <v>374</v>
      </c>
      <c r="E31" s="4"/>
      <c r="F31" s="4"/>
      <c r="G31" s="4" t="s">
        <v>374</v>
      </c>
      <c r="H31" s="4"/>
      <c r="I31" s="3"/>
    </row>
    <row r="32" spans="1:9" ht="45.6" thickBot="1" x14ac:dyDescent="0.3">
      <c r="A32" s="16" t="s">
        <v>210</v>
      </c>
      <c r="B32" s="3" t="s">
        <v>35</v>
      </c>
      <c r="C32" s="3" t="s">
        <v>399</v>
      </c>
      <c r="D32" s="4" t="s">
        <v>374</v>
      </c>
      <c r="E32" s="4"/>
      <c r="F32" s="4"/>
      <c r="G32" s="4" t="s">
        <v>374</v>
      </c>
      <c r="H32" s="4"/>
      <c r="I32" s="3"/>
    </row>
    <row r="33" spans="1:9" ht="45.6" thickBot="1" x14ac:dyDescent="0.3">
      <c r="A33" s="16" t="s">
        <v>211</v>
      </c>
      <c r="B33" s="3" t="s">
        <v>35</v>
      </c>
      <c r="C33" s="3" t="s">
        <v>38</v>
      </c>
      <c r="D33" s="4" t="s">
        <v>374</v>
      </c>
      <c r="E33" s="4"/>
      <c r="F33" s="4"/>
      <c r="G33" s="4" t="s">
        <v>374</v>
      </c>
      <c r="H33" s="4"/>
      <c r="I33" s="3"/>
    </row>
    <row r="34" spans="1:9" ht="60.6" thickBot="1" x14ac:dyDescent="0.3">
      <c r="A34" s="16" t="s">
        <v>212</v>
      </c>
      <c r="B34" s="3" t="s">
        <v>35</v>
      </c>
      <c r="C34" s="3" t="s">
        <v>400</v>
      </c>
      <c r="D34" s="4" t="s">
        <v>374</v>
      </c>
      <c r="E34" s="4"/>
      <c r="F34" s="4"/>
      <c r="G34" s="4" t="s">
        <v>374</v>
      </c>
      <c r="H34" s="4"/>
      <c r="I34" s="3"/>
    </row>
    <row r="35" spans="1:9" ht="30.6" thickBot="1" x14ac:dyDescent="0.3">
      <c r="A35" s="16" t="s">
        <v>213</v>
      </c>
      <c r="B35" s="3" t="s">
        <v>35</v>
      </c>
      <c r="C35" s="3" t="s">
        <v>39</v>
      </c>
      <c r="D35" s="4" t="s">
        <v>374</v>
      </c>
      <c r="E35" s="4"/>
      <c r="F35" s="4"/>
      <c r="G35" s="4" t="s">
        <v>374</v>
      </c>
      <c r="H35" s="4"/>
      <c r="I35" s="3"/>
    </row>
    <row r="36" spans="1:9" ht="30.6" thickBot="1" x14ac:dyDescent="0.3">
      <c r="A36" s="16" t="s">
        <v>214</v>
      </c>
      <c r="B36" s="3" t="s">
        <v>40</v>
      </c>
      <c r="C36" s="3" t="s">
        <v>41</v>
      </c>
      <c r="D36" s="4" t="s">
        <v>374</v>
      </c>
      <c r="E36" s="4"/>
      <c r="F36" s="4"/>
      <c r="G36" s="4" t="s">
        <v>374</v>
      </c>
      <c r="H36" s="4"/>
      <c r="I36" s="3"/>
    </row>
    <row r="37" spans="1:9" ht="45.6" thickBot="1" x14ac:dyDescent="0.3">
      <c r="A37" s="16" t="s">
        <v>215</v>
      </c>
      <c r="B37" s="3" t="s">
        <v>40</v>
      </c>
      <c r="C37" s="3" t="s">
        <v>42</v>
      </c>
      <c r="D37" s="4" t="s">
        <v>374</v>
      </c>
      <c r="E37" s="4"/>
      <c r="F37" s="4"/>
      <c r="G37" s="4" t="s">
        <v>375</v>
      </c>
      <c r="H37" s="4"/>
      <c r="I37" s="3"/>
    </row>
    <row r="38" spans="1:9" ht="30.6" thickBot="1" x14ac:dyDescent="0.3">
      <c r="A38" s="16" t="s">
        <v>216</v>
      </c>
      <c r="B38" s="3" t="s">
        <v>40</v>
      </c>
      <c r="C38" s="3" t="s">
        <v>43</v>
      </c>
      <c r="D38" s="4" t="s">
        <v>374</v>
      </c>
      <c r="E38" s="4"/>
      <c r="F38" s="4"/>
      <c r="G38" s="4" t="s">
        <v>374</v>
      </c>
      <c r="H38" s="4"/>
      <c r="I38" s="3"/>
    </row>
    <row r="39" spans="1:9" ht="60.6" thickBot="1" x14ac:dyDescent="0.3">
      <c r="A39" s="16" t="s">
        <v>217</v>
      </c>
      <c r="B39" s="3" t="s">
        <v>44</v>
      </c>
      <c r="C39" s="3" t="s">
        <v>45</v>
      </c>
      <c r="D39" s="4" t="s">
        <v>374</v>
      </c>
      <c r="E39" s="4"/>
      <c r="F39" s="4"/>
      <c r="G39" s="4" t="s">
        <v>374</v>
      </c>
      <c r="H39" s="4"/>
      <c r="I39" s="3"/>
    </row>
    <row r="40" spans="1:9" ht="30.6" thickBot="1" x14ac:dyDescent="0.3">
      <c r="A40" s="16" t="s">
        <v>218</v>
      </c>
      <c r="B40" s="3" t="s">
        <v>44</v>
      </c>
      <c r="C40" s="3" t="s">
        <v>46</v>
      </c>
      <c r="D40" s="4" t="s">
        <v>374</v>
      </c>
      <c r="E40" s="4"/>
      <c r="F40" s="4"/>
      <c r="G40" s="4" t="s">
        <v>374</v>
      </c>
      <c r="H40" s="4"/>
      <c r="I40" s="3"/>
    </row>
    <row r="41" spans="1:9" ht="30.6" thickBot="1" x14ac:dyDescent="0.3">
      <c r="A41" s="16" t="s">
        <v>219</v>
      </c>
      <c r="B41" s="3" t="s">
        <v>44</v>
      </c>
      <c r="C41" s="3" t="s">
        <v>47</v>
      </c>
      <c r="D41" s="4" t="s">
        <v>374</v>
      </c>
      <c r="E41" s="4"/>
      <c r="F41" s="4"/>
      <c r="G41" s="4" t="s">
        <v>374</v>
      </c>
      <c r="H41" s="4"/>
      <c r="I41" s="3"/>
    </row>
    <row r="42" spans="1:9" ht="45.6" thickBot="1" x14ac:dyDescent="0.3">
      <c r="A42" s="16" t="s">
        <v>220</v>
      </c>
      <c r="B42" s="3" t="s">
        <v>44</v>
      </c>
      <c r="C42" s="3" t="s">
        <v>48</v>
      </c>
      <c r="D42" s="4" t="s">
        <v>374</v>
      </c>
      <c r="E42" s="4"/>
      <c r="F42" s="4"/>
      <c r="G42" s="4" t="s">
        <v>374</v>
      </c>
      <c r="H42" s="4"/>
      <c r="I42" s="3"/>
    </row>
    <row r="43" spans="1:9" ht="45.6" thickBot="1" x14ac:dyDescent="0.3">
      <c r="A43" s="16" t="s">
        <v>221</v>
      </c>
      <c r="B43" s="3" t="s">
        <v>44</v>
      </c>
      <c r="C43" s="3" t="s">
        <v>49</v>
      </c>
      <c r="D43" s="4" t="s">
        <v>374</v>
      </c>
      <c r="E43" s="4"/>
      <c r="F43" s="4"/>
      <c r="G43" s="4" t="s">
        <v>374</v>
      </c>
      <c r="H43" s="4"/>
      <c r="I43" s="3"/>
    </row>
    <row r="44" spans="1:9" ht="45.6" thickBot="1" x14ac:dyDescent="0.3">
      <c r="A44" s="16" t="s">
        <v>222</v>
      </c>
      <c r="B44" s="3" t="s">
        <v>50</v>
      </c>
      <c r="C44" s="3" t="s">
        <v>51</v>
      </c>
      <c r="D44" s="4" t="s">
        <v>374</v>
      </c>
      <c r="E44" s="4"/>
      <c r="F44" s="4"/>
      <c r="G44" s="4" t="s">
        <v>374</v>
      </c>
      <c r="H44" s="4"/>
      <c r="I44" s="3"/>
    </row>
    <row r="45" spans="1:9" ht="45.6" thickBot="1" x14ac:dyDescent="0.3">
      <c r="A45" s="16" t="s">
        <v>223</v>
      </c>
      <c r="B45" s="3" t="s">
        <v>50</v>
      </c>
      <c r="C45" s="3" t="s">
        <v>52</v>
      </c>
      <c r="D45" s="4" t="s">
        <v>374</v>
      </c>
      <c r="E45" s="4"/>
      <c r="F45" s="4"/>
      <c r="G45" s="4" t="s">
        <v>374</v>
      </c>
      <c r="H45" s="4"/>
      <c r="I45" s="3"/>
    </row>
    <row r="46" spans="1:9" ht="60.6" thickBot="1" x14ac:dyDescent="0.3">
      <c r="A46" s="16" t="s">
        <v>224</v>
      </c>
      <c r="B46" s="3" t="s">
        <v>50</v>
      </c>
      <c r="C46" s="3" t="s">
        <v>53</v>
      </c>
      <c r="D46" s="4" t="s">
        <v>374</v>
      </c>
      <c r="E46" s="4"/>
      <c r="F46" s="6"/>
      <c r="G46" s="4" t="s">
        <v>374</v>
      </c>
      <c r="H46" s="4"/>
      <c r="I46" s="8"/>
    </row>
    <row r="47" spans="1:9" ht="60.6" thickBot="1" x14ac:dyDescent="0.3">
      <c r="A47" s="16" t="s">
        <v>225</v>
      </c>
      <c r="B47" s="3" t="s">
        <v>50</v>
      </c>
      <c r="C47" s="3" t="s">
        <v>54</v>
      </c>
      <c r="D47" s="4" t="s">
        <v>374</v>
      </c>
      <c r="E47" s="4"/>
      <c r="F47" s="6"/>
      <c r="G47" s="4" t="s">
        <v>374</v>
      </c>
      <c r="H47" s="4"/>
      <c r="I47" s="8"/>
    </row>
    <row r="48" spans="1:9" ht="75.599999999999994" thickBot="1" x14ac:dyDescent="0.3">
      <c r="A48" s="16" t="s">
        <v>226</v>
      </c>
      <c r="B48" s="3" t="s">
        <v>50</v>
      </c>
      <c r="C48" s="3" t="s">
        <v>55</v>
      </c>
      <c r="D48" s="4" t="s">
        <v>374</v>
      </c>
      <c r="E48" s="4"/>
      <c r="F48" s="6"/>
      <c r="G48" s="4" t="s">
        <v>374</v>
      </c>
      <c r="H48" s="4"/>
      <c r="I48" s="8"/>
    </row>
    <row r="49" spans="1:9" ht="60.6" thickBot="1" x14ac:dyDescent="0.3">
      <c r="A49" s="16" t="s">
        <v>227</v>
      </c>
      <c r="B49" s="3" t="s">
        <v>50</v>
      </c>
      <c r="C49" s="3" t="s">
        <v>56</v>
      </c>
      <c r="D49" s="4" t="s">
        <v>374</v>
      </c>
      <c r="E49" s="4"/>
      <c r="F49" s="6"/>
      <c r="G49" s="4" t="s">
        <v>374</v>
      </c>
      <c r="H49" s="4"/>
      <c r="I49" s="8"/>
    </row>
    <row r="50" spans="1:9" ht="60.6" thickBot="1" x14ac:dyDescent="0.3">
      <c r="A50" s="16" t="s">
        <v>228</v>
      </c>
      <c r="B50" s="3" t="s">
        <v>50</v>
      </c>
      <c r="C50" s="3" t="s">
        <v>57</v>
      </c>
      <c r="D50" s="4" t="s">
        <v>374</v>
      </c>
      <c r="E50" s="4"/>
      <c r="F50" s="6"/>
      <c r="G50" s="4" t="s">
        <v>374</v>
      </c>
      <c r="H50" s="4"/>
      <c r="I50" s="8"/>
    </row>
    <row r="51" spans="1:9" ht="60.6" thickBot="1" x14ac:dyDescent="0.3">
      <c r="A51" s="16" t="s">
        <v>229</v>
      </c>
      <c r="B51" s="3" t="s">
        <v>50</v>
      </c>
      <c r="C51" s="3" t="s">
        <v>58</v>
      </c>
      <c r="D51" s="4" t="s">
        <v>374</v>
      </c>
      <c r="E51" s="4"/>
      <c r="F51" s="6"/>
      <c r="G51" s="4" t="s">
        <v>374</v>
      </c>
      <c r="H51" s="4"/>
      <c r="I51" s="8"/>
    </row>
    <row r="52" spans="1:9" ht="60.6" thickBot="1" x14ac:dyDescent="0.3">
      <c r="A52" s="16" t="s">
        <v>230</v>
      </c>
      <c r="B52" s="3" t="s">
        <v>50</v>
      </c>
      <c r="C52" s="3" t="s">
        <v>59</v>
      </c>
      <c r="D52" s="4" t="s">
        <v>374</v>
      </c>
      <c r="E52" s="4"/>
      <c r="F52" s="6"/>
      <c r="G52" s="4" t="s">
        <v>374</v>
      </c>
      <c r="H52" s="4"/>
      <c r="I52" s="8"/>
    </row>
    <row r="53" spans="1:9" ht="75.599999999999994" thickBot="1" x14ac:dyDescent="0.3">
      <c r="A53" s="16" t="s">
        <v>231</v>
      </c>
      <c r="B53" s="3" t="s">
        <v>50</v>
      </c>
      <c r="C53" s="3" t="s">
        <v>60</v>
      </c>
      <c r="D53" s="4" t="s">
        <v>374</v>
      </c>
      <c r="E53" s="4"/>
      <c r="F53" s="6"/>
      <c r="G53" s="4" t="s">
        <v>374</v>
      </c>
      <c r="H53" s="4"/>
      <c r="I53" s="8"/>
    </row>
    <row r="54" spans="1:9" ht="60.6" thickBot="1" x14ac:dyDescent="0.3">
      <c r="A54" s="16" t="s">
        <v>232</v>
      </c>
      <c r="B54" s="3" t="s">
        <v>50</v>
      </c>
      <c r="C54" s="3" t="s">
        <v>61</v>
      </c>
      <c r="D54" s="4" t="s">
        <v>374</v>
      </c>
      <c r="E54" s="4"/>
      <c r="F54" s="10"/>
      <c r="G54" s="4" t="s">
        <v>374</v>
      </c>
      <c r="H54" s="4"/>
      <c r="I54" s="8"/>
    </row>
    <row r="55" spans="1:9" ht="75.599999999999994" thickBot="1" x14ac:dyDescent="0.3">
      <c r="A55" s="16" t="s">
        <v>233</v>
      </c>
      <c r="B55" s="3" t="s">
        <v>50</v>
      </c>
      <c r="C55" s="3" t="s">
        <v>62</v>
      </c>
      <c r="D55" s="4" t="s">
        <v>374</v>
      </c>
      <c r="E55" s="4"/>
      <c r="F55" s="10"/>
      <c r="G55" s="4" t="s">
        <v>374</v>
      </c>
      <c r="H55" s="4"/>
      <c r="I55" s="8"/>
    </row>
    <row r="56" spans="1:9" ht="60.6" thickBot="1" x14ac:dyDescent="0.3">
      <c r="A56" s="16" t="s">
        <v>234</v>
      </c>
      <c r="B56" s="3" t="s">
        <v>50</v>
      </c>
      <c r="C56" s="3" t="s">
        <v>63</v>
      </c>
      <c r="D56" s="4" t="s">
        <v>374</v>
      </c>
      <c r="E56" s="4"/>
      <c r="F56" s="10"/>
      <c r="G56" s="4" t="s">
        <v>374</v>
      </c>
      <c r="H56" s="4"/>
      <c r="I56" s="8"/>
    </row>
    <row r="57" spans="1:9" ht="60.6" thickBot="1" x14ac:dyDescent="0.3">
      <c r="A57" s="16" t="s">
        <v>235</v>
      </c>
      <c r="B57" s="3" t="s">
        <v>50</v>
      </c>
      <c r="C57" s="3" t="s">
        <v>64</v>
      </c>
      <c r="D57" s="4" t="s">
        <v>374</v>
      </c>
      <c r="E57" s="4"/>
      <c r="F57" s="10"/>
      <c r="G57" s="4" t="s">
        <v>374</v>
      </c>
      <c r="H57" s="4"/>
      <c r="I57" s="8"/>
    </row>
    <row r="58" spans="1:9" ht="60.6" thickBot="1" x14ac:dyDescent="0.3">
      <c r="A58" s="16" t="s">
        <v>236</v>
      </c>
      <c r="B58" s="3" t="s">
        <v>50</v>
      </c>
      <c r="C58" s="3" t="s">
        <v>65</v>
      </c>
      <c r="D58" s="4" t="s">
        <v>374</v>
      </c>
      <c r="E58" s="4"/>
      <c r="F58" s="10"/>
      <c r="G58" s="4" t="s">
        <v>374</v>
      </c>
      <c r="H58" s="4"/>
      <c r="I58" s="8"/>
    </row>
    <row r="59" spans="1:9" ht="75.599999999999994" thickBot="1" x14ac:dyDescent="0.3">
      <c r="A59" s="16" t="s">
        <v>237</v>
      </c>
      <c r="B59" s="3" t="s">
        <v>50</v>
      </c>
      <c r="C59" s="3" t="s">
        <v>66</v>
      </c>
      <c r="D59" s="4" t="s">
        <v>374</v>
      </c>
      <c r="E59" s="4"/>
      <c r="F59" s="10"/>
      <c r="G59" s="4" t="s">
        <v>374</v>
      </c>
      <c r="H59" s="4"/>
      <c r="I59" s="8"/>
    </row>
    <row r="60" spans="1:9" ht="60.6" thickBot="1" x14ac:dyDescent="0.3">
      <c r="A60" s="16" t="s">
        <v>238</v>
      </c>
      <c r="B60" s="3" t="s">
        <v>50</v>
      </c>
      <c r="C60" s="3" t="s">
        <v>67</v>
      </c>
      <c r="D60" s="4" t="s">
        <v>374</v>
      </c>
      <c r="E60" s="4"/>
      <c r="F60" s="10"/>
      <c r="G60" s="4" t="s">
        <v>374</v>
      </c>
      <c r="H60" s="4"/>
      <c r="I60" s="8"/>
    </row>
    <row r="61" spans="1:9" ht="60.6" thickBot="1" x14ac:dyDescent="0.3">
      <c r="A61" s="16" t="s">
        <v>239</v>
      </c>
      <c r="B61" s="3" t="s">
        <v>50</v>
      </c>
      <c r="C61" s="3" t="s">
        <v>68</v>
      </c>
      <c r="D61" s="4" t="s">
        <v>374</v>
      </c>
      <c r="E61" s="4"/>
      <c r="F61" s="10"/>
      <c r="G61" s="4" t="s">
        <v>374</v>
      </c>
      <c r="H61" s="4"/>
      <c r="I61" s="8"/>
    </row>
    <row r="62" spans="1:9" ht="45.6" thickBot="1" x14ac:dyDescent="0.3">
      <c r="A62" s="16" t="s">
        <v>240</v>
      </c>
      <c r="B62" s="3" t="s">
        <v>50</v>
      </c>
      <c r="C62" s="3" t="s">
        <v>69</v>
      </c>
      <c r="D62" s="4" t="s">
        <v>374</v>
      </c>
      <c r="E62" s="4"/>
      <c r="F62" s="10"/>
      <c r="G62" s="4" t="s">
        <v>374</v>
      </c>
      <c r="H62" s="4"/>
      <c r="I62" s="3"/>
    </row>
    <row r="63" spans="1:9" ht="45.6" thickBot="1" x14ac:dyDescent="0.3">
      <c r="A63" s="16" t="s">
        <v>241</v>
      </c>
      <c r="B63" s="3" t="s">
        <v>50</v>
      </c>
      <c r="C63" s="3" t="s">
        <v>70</v>
      </c>
      <c r="D63" s="4" t="s">
        <v>374</v>
      </c>
      <c r="E63" s="4"/>
      <c r="F63" s="10"/>
      <c r="G63" s="4" t="s">
        <v>374</v>
      </c>
      <c r="H63" s="4"/>
      <c r="I63" s="9"/>
    </row>
    <row r="64" spans="1:9" ht="45.6" thickBot="1" x14ac:dyDescent="0.3">
      <c r="A64" s="16" t="s">
        <v>242</v>
      </c>
      <c r="B64" s="3" t="s">
        <v>50</v>
      </c>
      <c r="C64" s="3" t="s">
        <v>71</v>
      </c>
      <c r="D64" s="4" t="s">
        <v>374</v>
      </c>
      <c r="E64" s="4"/>
      <c r="F64" s="10"/>
      <c r="G64" s="4" t="s">
        <v>374</v>
      </c>
      <c r="H64" s="4"/>
      <c r="I64" s="9"/>
    </row>
    <row r="65" spans="1:9" ht="60.6" thickBot="1" x14ac:dyDescent="0.3">
      <c r="A65" s="16" t="s">
        <v>243</v>
      </c>
      <c r="B65" s="3" t="s">
        <v>72</v>
      </c>
      <c r="C65" s="3" t="s">
        <v>73</v>
      </c>
      <c r="D65" s="4" t="s">
        <v>374</v>
      </c>
      <c r="E65" s="4"/>
      <c r="F65" s="10"/>
      <c r="G65" s="4" t="s">
        <v>374</v>
      </c>
      <c r="H65" s="4"/>
      <c r="I65" s="9"/>
    </row>
    <row r="66" spans="1:9" ht="45.6" thickBot="1" x14ac:dyDescent="0.3">
      <c r="A66" s="16" t="s">
        <v>244</v>
      </c>
      <c r="B66" s="3" t="s">
        <v>72</v>
      </c>
      <c r="C66" s="3" t="s">
        <v>74</v>
      </c>
      <c r="D66" s="4" t="s">
        <v>374</v>
      </c>
      <c r="E66" s="4"/>
      <c r="F66" s="10"/>
      <c r="G66" s="4" t="s">
        <v>374</v>
      </c>
      <c r="H66" s="4"/>
      <c r="I66" s="9"/>
    </row>
    <row r="67" spans="1:9" ht="60.6" thickBot="1" x14ac:dyDescent="0.3">
      <c r="A67" s="16" t="s">
        <v>245</v>
      </c>
      <c r="B67" s="3" t="s">
        <v>72</v>
      </c>
      <c r="C67" s="3" t="s">
        <v>75</v>
      </c>
      <c r="D67" s="4" t="s">
        <v>374</v>
      </c>
      <c r="E67" s="4"/>
      <c r="F67" s="10"/>
      <c r="G67" s="4" t="s">
        <v>374</v>
      </c>
      <c r="H67" s="4"/>
    </row>
    <row r="68" spans="1:9" ht="60.6" thickBot="1" x14ac:dyDescent="0.3">
      <c r="A68" s="16" t="s">
        <v>246</v>
      </c>
      <c r="B68" s="3" t="s">
        <v>72</v>
      </c>
      <c r="C68" s="3" t="s">
        <v>76</v>
      </c>
      <c r="D68" s="4" t="s">
        <v>374</v>
      </c>
      <c r="E68" s="4"/>
      <c r="F68" s="10"/>
      <c r="G68" s="4" t="s">
        <v>374</v>
      </c>
      <c r="H68" s="4"/>
    </row>
    <row r="69" spans="1:9" ht="45.6" thickBot="1" x14ac:dyDescent="0.3">
      <c r="A69" s="16" t="s">
        <v>247</v>
      </c>
      <c r="B69" s="3" t="s">
        <v>72</v>
      </c>
      <c r="C69" s="3" t="s">
        <v>77</v>
      </c>
      <c r="D69" s="4" t="s">
        <v>374</v>
      </c>
      <c r="E69" s="4"/>
      <c r="F69" s="10"/>
      <c r="G69" s="4" t="s">
        <v>374</v>
      </c>
      <c r="H69" s="4"/>
    </row>
    <row r="70" spans="1:9" ht="60.6" thickBot="1" x14ac:dyDescent="0.3">
      <c r="A70" s="16" t="s">
        <v>248</v>
      </c>
      <c r="B70" s="3" t="s">
        <v>72</v>
      </c>
      <c r="C70" s="3" t="s">
        <v>78</v>
      </c>
      <c r="D70" s="4" t="s">
        <v>374</v>
      </c>
      <c r="E70" s="4"/>
      <c r="F70" s="10"/>
      <c r="G70" s="4" t="s">
        <v>374</v>
      </c>
      <c r="H70" s="4"/>
    </row>
    <row r="71" spans="1:9" ht="60.6" thickBot="1" x14ac:dyDescent="0.3">
      <c r="A71" s="16" t="s">
        <v>249</v>
      </c>
      <c r="B71" s="3" t="s">
        <v>72</v>
      </c>
      <c r="C71" s="3" t="s">
        <v>79</v>
      </c>
      <c r="D71" s="4" t="s">
        <v>374</v>
      </c>
      <c r="E71" s="4"/>
      <c r="F71" s="10"/>
      <c r="G71" s="4" t="s">
        <v>374</v>
      </c>
      <c r="H71" s="4"/>
    </row>
    <row r="72" spans="1:9" ht="60.6" thickBot="1" x14ac:dyDescent="0.3">
      <c r="A72" s="16" t="s">
        <v>250</v>
      </c>
      <c r="B72" s="3" t="s">
        <v>72</v>
      </c>
      <c r="C72" s="3" t="s">
        <v>80</v>
      </c>
      <c r="D72" s="4" t="s">
        <v>374</v>
      </c>
      <c r="E72" s="4"/>
      <c r="F72" s="10"/>
      <c r="G72" s="4" t="s">
        <v>374</v>
      </c>
      <c r="H72" s="4"/>
    </row>
    <row r="73" spans="1:9" ht="45.6" thickBot="1" x14ac:dyDescent="0.3">
      <c r="A73" s="16" t="s">
        <v>251</v>
      </c>
      <c r="B73" s="3" t="s">
        <v>72</v>
      </c>
      <c r="C73" s="3" t="s">
        <v>81</v>
      </c>
      <c r="D73" s="4" t="s">
        <v>374</v>
      </c>
      <c r="E73" s="4"/>
      <c r="F73" s="10"/>
      <c r="G73" s="4" t="s">
        <v>374</v>
      </c>
      <c r="H73" s="4"/>
    </row>
    <row r="74" spans="1:9" ht="30.6" thickBot="1" x14ac:dyDescent="0.3">
      <c r="A74" s="16" t="s">
        <v>252</v>
      </c>
      <c r="B74" s="3" t="s">
        <v>82</v>
      </c>
      <c r="C74" s="3" t="s">
        <v>83</v>
      </c>
      <c r="D74" s="4" t="s">
        <v>374</v>
      </c>
      <c r="E74" s="4"/>
      <c r="F74" s="10"/>
      <c r="G74" s="4" t="s">
        <v>374</v>
      </c>
      <c r="H74" s="4"/>
      <c r="I74" s="9"/>
    </row>
    <row r="75" spans="1:9" ht="45.6" thickBot="1" x14ac:dyDescent="0.3">
      <c r="A75" s="16" t="s">
        <v>253</v>
      </c>
      <c r="B75" s="3" t="s">
        <v>82</v>
      </c>
      <c r="C75" s="3" t="s">
        <v>84</v>
      </c>
      <c r="D75" s="4" t="s">
        <v>374</v>
      </c>
      <c r="E75" s="4"/>
      <c r="F75" s="10"/>
      <c r="G75" s="4" t="s">
        <v>375</v>
      </c>
      <c r="H75" s="4"/>
      <c r="I75" s="9"/>
    </row>
    <row r="76" spans="1:9" ht="75.599999999999994" thickBot="1" x14ac:dyDescent="0.3">
      <c r="A76" s="16" t="s">
        <v>254</v>
      </c>
      <c r="B76" s="3" t="s">
        <v>85</v>
      </c>
      <c r="C76" s="3" t="s">
        <v>86</v>
      </c>
      <c r="D76" s="4" t="s">
        <v>374</v>
      </c>
      <c r="E76" s="4"/>
      <c r="F76" s="10"/>
      <c r="G76" s="4" t="s">
        <v>374</v>
      </c>
      <c r="H76" s="4"/>
    </row>
    <row r="77" spans="1:9" ht="75.599999999999994" thickBot="1" x14ac:dyDescent="0.3">
      <c r="A77" s="16" t="s">
        <v>255</v>
      </c>
      <c r="B77" s="3" t="s">
        <v>85</v>
      </c>
      <c r="C77" s="3" t="s">
        <v>87</v>
      </c>
      <c r="D77" s="4" t="s">
        <v>374</v>
      </c>
      <c r="E77" s="4"/>
      <c r="F77" s="10"/>
      <c r="G77" s="4" t="s">
        <v>374</v>
      </c>
      <c r="H77" s="4"/>
    </row>
    <row r="78" spans="1:9" ht="60.6" thickBot="1" x14ac:dyDescent="0.3">
      <c r="A78" s="16" t="s">
        <v>256</v>
      </c>
      <c r="B78" s="3" t="s">
        <v>85</v>
      </c>
      <c r="C78" s="3" t="s">
        <v>88</v>
      </c>
      <c r="D78" s="4" t="s">
        <v>374</v>
      </c>
      <c r="E78" s="4"/>
      <c r="F78" s="10"/>
      <c r="G78" s="4" t="s">
        <v>374</v>
      </c>
      <c r="H78" s="4"/>
    </row>
    <row r="79" spans="1:9" ht="60.6" thickBot="1" x14ac:dyDescent="0.3">
      <c r="A79" s="16" t="s">
        <v>257</v>
      </c>
      <c r="B79" s="3" t="s">
        <v>85</v>
      </c>
      <c r="C79" s="3" t="s">
        <v>89</v>
      </c>
      <c r="D79" s="4" t="s">
        <v>374</v>
      </c>
      <c r="E79" s="4"/>
      <c r="F79" s="10"/>
      <c r="G79" s="4" t="s">
        <v>374</v>
      </c>
      <c r="H79" s="4"/>
    </row>
    <row r="80" spans="1:9" ht="45.6" thickBot="1" x14ac:dyDescent="0.3">
      <c r="A80" s="16" t="s">
        <v>258</v>
      </c>
      <c r="B80" s="3" t="s">
        <v>85</v>
      </c>
      <c r="C80" s="3" t="s">
        <v>90</v>
      </c>
      <c r="D80" s="4" t="s">
        <v>374</v>
      </c>
      <c r="E80" s="4"/>
      <c r="F80" s="10"/>
      <c r="G80" s="4" t="s">
        <v>374</v>
      </c>
      <c r="H80" s="4"/>
    </row>
    <row r="81" spans="1:9" ht="75.599999999999994" thickBot="1" x14ac:dyDescent="0.3">
      <c r="A81" s="16" t="s">
        <v>259</v>
      </c>
      <c r="B81" s="3" t="s">
        <v>91</v>
      </c>
      <c r="C81" s="3" t="s">
        <v>92</v>
      </c>
      <c r="D81" s="4" t="s">
        <v>374</v>
      </c>
      <c r="E81" s="4"/>
      <c r="F81" s="10"/>
      <c r="G81" s="4" t="s">
        <v>374</v>
      </c>
      <c r="H81" s="4"/>
    </row>
    <row r="82" spans="1:9" ht="75.599999999999994" thickBot="1" x14ac:dyDescent="0.3">
      <c r="A82" s="16" t="s">
        <v>260</v>
      </c>
      <c r="B82" s="3" t="s">
        <v>91</v>
      </c>
      <c r="C82" s="3" t="s">
        <v>93</v>
      </c>
      <c r="D82" s="4" t="s">
        <v>374</v>
      </c>
      <c r="E82" s="4"/>
      <c r="F82" s="10"/>
      <c r="G82" s="4" t="s">
        <v>374</v>
      </c>
      <c r="H82" s="4"/>
    </row>
    <row r="83" spans="1:9" ht="75.599999999999994" thickBot="1" x14ac:dyDescent="0.3">
      <c r="A83" s="16" t="s">
        <v>261</v>
      </c>
      <c r="B83" s="3" t="s">
        <v>91</v>
      </c>
      <c r="C83" s="3" t="s">
        <v>94</v>
      </c>
      <c r="D83" s="4" t="s">
        <v>374</v>
      </c>
      <c r="E83" s="4"/>
      <c r="F83" s="10"/>
      <c r="G83" s="4" t="s">
        <v>374</v>
      </c>
      <c r="H83" s="4"/>
    </row>
    <row r="84" spans="1:9" ht="90.6" thickBot="1" x14ac:dyDescent="0.3">
      <c r="A84" s="16" t="s">
        <v>262</v>
      </c>
      <c r="B84" s="3" t="s">
        <v>91</v>
      </c>
      <c r="C84" s="3" t="s">
        <v>95</v>
      </c>
      <c r="D84" s="4" t="s">
        <v>374</v>
      </c>
      <c r="E84" s="4"/>
      <c r="F84" s="10"/>
      <c r="G84" s="4" t="s">
        <v>374</v>
      </c>
      <c r="H84" s="4"/>
    </row>
    <row r="85" spans="1:9" ht="75.599999999999994" thickBot="1" x14ac:dyDescent="0.3">
      <c r="A85" s="16" t="s">
        <v>263</v>
      </c>
      <c r="B85" s="3" t="s">
        <v>91</v>
      </c>
      <c r="C85" s="3" t="s">
        <v>96</v>
      </c>
      <c r="D85" s="4" t="s">
        <v>374</v>
      </c>
      <c r="E85" s="4"/>
      <c r="F85" s="10"/>
      <c r="G85" s="4" t="s">
        <v>374</v>
      </c>
      <c r="H85" s="4"/>
    </row>
    <row r="86" spans="1:9" ht="75.599999999999994" thickBot="1" x14ac:dyDescent="0.3">
      <c r="A86" s="16" t="s">
        <v>264</v>
      </c>
      <c r="B86" s="3" t="s">
        <v>91</v>
      </c>
      <c r="C86" s="3" t="s">
        <v>97</v>
      </c>
      <c r="D86" s="4" t="s">
        <v>374</v>
      </c>
      <c r="E86" s="4"/>
      <c r="F86" s="10"/>
      <c r="G86" s="4" t="s">
        <v>374</v>
      </c>
      <c r="H86" s="4"/>
    </row>
    <row r="87" spans="1:9" ht="75.599999999999994" thickBot="1" x14ac:dyDescent="0.3">
      <c r="A87" s="16" t="s">
        <v>265</v>
      </c>
      <c r="B87" s="3" t="s">
        <v>91</v>
      </c>
      <c r="C87" s="3" t="s">
        <v>98</v>
      </c>
      <c r="D87" s="4" t="s">
        <v>374</v>
      </c>
      <c r="E87" s="4"/>
      <c r="F87" s="10"/>
      <c r="G87" s="4" t="s">
        <v>374</v>
      </c>
      <c r="H87" s="4"/>
    </row>
    <row r="88" spans="1:9" ht="60.6" thickBot="1" x14ac:dyDescent="0.3">
      <c r="A88" s="16" t="s">
        <v>266</v>
      </c>
      <c r="B88" s="3" t="s">
        <v>91</v>
      </c>
      <c r="C88" s="3" t="s">
        <v>99</v>
      </c>
      <c r="D88" s="4" t="s">
        <v>374</v>
      </c>
      <c r="E88" s="4"/>
      <c r="F88" s="10"/>
      <c r="G88" s="4" t="s">
        <v>374</v>
      </c>
      <c r="H88" s="4"/>
    </row>
    <row r="89" spans="1:9" ht="75.599999999999994" thickBot="1" x14ac:dyDescent="0.3">
      <c r="A89" s="16" t="s">
        <v>267</v>
      </c>
      <c r="B89" s="3" t="s">
        <v>91</v>
      </c>
      <c r="C89" s="3" t="s">
        <v>100</v>
      </c>
      <c r="D89" s="4" t="s">
        <v>374</v>
      </c>
      <c r="E89" s="4"/>
      <c r="F89" s="10"/>
      <c r="G89" s="4" t="s">
        <v>374</v>
      </c>
      <c r="H89" s="4"/>
    </row>
    <row r="90" spans="1:9" ht="60.6" thickBot="1" x14ac:dyDescent="0.3">
      <c r="A90" s="16" t="s">
        <v>268</v>
      </c>
      <c r="B90" s="3" t="s">
        <v>91</v>
      </c>
      <c r="C90" s="3" t="s">
        <v>101</v>
      </c>
      <c r="D90" s="4" t="s">
        <v>374</v>
      </c>
      <c r="E90" s="4"/>
      <c r="F90" s="10"/>
      <c r="G90" s="4" t="s">
        <v>374</v>
      </c>
      <c r="H90" s="4"/>
    </row>
    <row r="91" spans="1:9" ht="60.6" thickBot="1" x14ac:dyDescent="0.3">
      <c r="A91" s="16" t="s">
        <v>269</v>
      </c>
      <c r="B91" s="3" t="s">
        <v>102</v>
      </c>
      <c r="C91" s="3" t="s">
        <v>103</v>
      </c>
      <c r="D91" s="4" t="s">
        <v>374</v>
      </c>
      <c r="E91" s="4"/>
      <c r="F91" s="10"/>
      <c r="G91" s="4" t="s">
        <v>374</v>
      </c>
      <c r="H91" s="4"/>
    </row>
    <row r="92" spans="1:9" ht="30.6" thickBot="1" x14ac:dyDescent="0.3">
      <c r="A92" s="16" t="s">
        <v>270</v>
      </c>
      <c r="B92" s="3" t="s">
        <v>102</v>
      </c>
      <c r="C92" s="3" t="s">
        <v>104</v>
      </c>
      <c r="D92" s="4" t="s">
        <v>374</v>
      </c>
      <c r="E92" s="4"/>
      <c r="F92" s="10"/>
      <c r="G92" s="4" t="s">
        <v>374</v>
      </c>
      <c r="H92" s="4"/>
      <c r="I92" s="9"/>
    </row>
    <row r="93" spans="1:9" ht="30.6" thickBot="1" x14ac:dyDescent="0.3">
      <c r="A93" s="16" t="s">
        <v>271</v>
      </c>
      <c r="B93" s="3" t="s">
        <v>102</v>
      </c>
      <c r="C93" s="3" t="s">
        <v>105</v>
      </c>
      <c r="D93" s="4" t="s">
        <v>374</v>
      </c>
      <c r="E93" s="4"/>
      <c r="F93" s="10"/>
      <c r="G93" s="4" t="s">
        <v>374</v>
      </c>
      <c r="H93" s="4"/>
      <c r="I93" s="9"/>
    </row>
    <row r="94" spans="1:9" ht="30.6" thickBot="1" x14ac:dyDescent="0.3">
      <c r="A94" s="16" t="s">
        <v>272</v>
      </c>
      <c r="B94" s="3" t="s">
        <v>102</v>
      </c>
      <c r="C94" s="3" t="s">
        <v>106</v>
      </c>
      <c r="D94" s="4" t="s">
        <v>374</v>
      </c>
      <c r="E94" s="4"/>
      <c r="F94" s="10"/>
      <c r="G94" s="4" t="s">
        <v>374</v>
      </c>
      <c r="H94" s="4"/>
      <c r="I94" s="9"/>
    </row>
    <row r="95" spans="1:9" ht="30.6" thickBot="1" x14ac:dyDescent="0.3">
      <c r="A95" s="16" t="s">
        <v>273</v>
      </c>
      <c r="B95" s="3" t="s">
        <v>102</v>
      </c>
      <c r="C95" s="3" t="s">
        <v>107</v>
      </c>
      <c r="D95" s="4" t="s">
        <v>374</v>
      </c>
      <c r="E95" s="4"/>
      <c r="F95" s="10"/>
      <c r="G95" s="4" t="s">
        <v>374</v>
      </c>
      <c r="H95" s="4"/>
      <c r="I95" s="9"/>
    </row>
    <row r="96" spans="1:9" ht="30.6" thickBot="1" x14ac:dyDescent="0.3">
      <c r="A96" s="16" t="s">
        <v>274</v>
      </c>
      <c r="B96" s="3" t="s">
        <v>102</v>
      </c>
      <c r="C96" s="3" t="s">
        <v>108</v>
      </c>
      <c r="D96" s="4" t="s">
        <v>374</v>
      </c>
      <c r="E96" s="4"/>
      <c r="F96" s="10"/>
      <c r="G96" s="4" t="s">
        <v>374</v>
      </c>
      <c r="H96" s="4"/>
      <c r="I96" s="9"/>
    </row>
    <row r="97" spans="1:8" ht="75.599999999999994" thickBot="1" x14ac:dyDescent="0.3">
      <c r="A97" s="16" t="s">
        <v>275</v>
      </c>
      <c r="B97" s="3" t="s">
        <v>109</v>
      </c>
      <c r="C97" s="3" t="s">
        <v>110</v>
      </c>
      <c r="D97" s="4" t="s">
        <v>374</v>
      </c>
      <c r="E97" s="4"/>
      <c r="F97" s="10"/>
      <c r="G97" s="4" t="s">
        <v>374</v>
      </c>
      <c r="H97" s="4"/>
    </row>
    <row r="98" spans="1:8" ht="60.6" thickBot="1" x14ac:dyDescent="0.3">
      <c r="A98" s="16" t="s">
        <v>276</v>
      </c>
      <c r="B98" s="3" t="s">
        <v>109</v>
      </c>
      <c r="C98" s="3" t="s">
        <v>377</v>
      </c>
      <c r="D98" s="4" t="s">
        <v>374</v>
      </c>
      <c r="E98" s="4"/>
      <c r="F98" s="10"/>
      <c r="G98" s="4" t="s">
        <v>374</v>
      </c>
      <c r="H98" s="4"/>
    </row>
    <row r="99" spans="1:8" ht="60.6" thickBot="1" x14ac:dyDescent="0.3">
      <c r="A99" s="16" t="s">
        <v>277</v>
      </c>
      <c r="B99" s="3" t="s">
        <v>109</v>
      </c>
      <c r="C99" s="3" t="s">
        <v>111</v>
      </c>
      <c r="D99" s="4" t="s">
        <v>374</v>
      </c>
      <c r="E99" s="4"/>
      <c r="F99" s="10"/>
      <c r="G99" s="4" t="s">
        <v>374</v>
      </c>
      <c r="H99" s="4"/>
    </row>
    <row r="100" spans="1:8" ht="45.6" thickBot="1" x14ac:dyDescent="0.3">
      <c r="A100" s="16" t="s">
        <v>278</v>
      </c>
      <c r="B100" s="3" t="s">
        <v>109</v>
      </c>
      <c r="C100" s="3" t="s">
        <v>112</v>
      </c>
      <c r="D100" s="4" t="s">
        <v>374</v>
      </c>
      <c r="E100" s="4"/>
      <c r="F100" s="10"/>
      <c r="G100" s="4" t="s">
        <v>374</v>
      </c>
      <c r="H100" s="4"/>
    </row>
    <row r="101" spans="1:8" ht="45.6" thickBot="1" x14ac:dyDescent="0.3">
      <c r="A101" s="16" t="s">
        <v>279</v>
      </c>
      <c r="B101" s="3" t="s">
        <v>109</v>
      </c>
      <c r="C101" s="3" t="s">
        <v>378</v>
      </c>
      <c r="D101" s="4" t="s">
        <v>374</v>
      </c>
      <c r="E101" s="4"/>
      <c r="F101" s="10"/>
      <c r="G101" s="4" t="s">
        <v>374</v>
      </c>
      <c r="H101" s="4"/>
    </row>
    <row r="102" spans="1:8" ht="60.6" thickBot="1" x14ac:dyDescent="0.3">
      <c r="A102" s="16" t="s">
        <v>280</v>
      </c>
      <c r="B102" s="3" t="s">
        <v>109</v>
      </c>
      <c r="C102" s="3" t="s">
        <v>113</v>
      </c>
      <c r="D102" s="4" t="s">
        <v>374</v>
      </c>
      <c r="E102" s="4"/>
      <c r="F102" s="10"/>
      <c r="G102" s="4" t="s">
        <v>374</v>
      </c>
      <c r="H102" s="4"/>
    </row>
    <row r="103" spans="1:8" ht="45.6" thickBot="1" x14ac:dyDescent="0.3">
      <c r="A103" s="16" t="s">
        <v>281</v>
      </c>
      <c r="B103" s="3" t="s">
        <v>109</v>
      </c>
      <c r="C103" s="3" t="s">
        <v>379</v>
      </c>
      <c r="D103" s="4" t="s">
        <v>374</v>
      </c>
      <c r="E103" s="4"/>
      <c r="F103" s="10"/>
      <c r="G103" s="4" t="s">
        <v>374</v>
      </c>
      <c r="H103" s="4"/>
    </row>
    <row r="104" spans="1:8" ht="45.6" thickBot="1" x14ac:dyDescent="0.3">
      <c r="A104" s="16" t="s">
        <v>282</v>
      </c>
      <c r="B104" s="3" t="s">
        <v>109</v>
      </c>
      <c r="C104" s="3" t="s">
        <v>380</v>
      </c>
      <c r="D104" s="4" t="s">
        <v>374</v>
      </c>
      <c r="E104" s="4"/>
      <c r="F104" s="10"/>
      <c r="G104" s="4" t="s">
        <v>374</v>
      </c>
      <c r="H104" s="4"/>
    </row>
    <row r="105" spans="1:8" ht="60.6" thickBot="1" x14ac:dyDescent="0.3">
      <c r="A105" s="16" t="s">
        <v>283</v>
      </c>
      <c r="B105" s="3" t="s">
        <v>109</v>
      </c>
      <c r="C105" s="3" t="s">
        <v>114</v>
      </c>
      <c r="D105" s="4" t="s">
        <v>374</v>
      </c>
      <c r="E105" s="4"/>
      <c r="F105" s="10"/>
      <c r="G105" s="4" t="s">
        <v>374</v>
      </c>
      <c r="H105" s="4"/>
    </row>
    <row r="106" spans="1:8" ht="60.6" thickBot="1" x14ac:dyDescent="0.3">
      <c r="A106" s="16" t="s">
        <v>284</v>
      </c>
      <c r="B106" s="3" t="s">
        <v>109</v>
      </c>
      <c r="C106" s="3" t="s">
        <v>381</v>
      </c>
      <c r="D106" s="4" t="s">
        <v>374</v>
      </c>
      <c r="E106" s="4"/>
      <c r="F106" s="10"/>
      <c r="G106" s="4" t="s">
        <v>374</v>
      </c>
      <c r="H106" s="4"/>
    </row>
    <row r="107" spans="1:8" ht="45.6" thickBot="1" x14ac:dyDescent="0.3">
      <c r="A107" s="16" t="s">
        <v>285</v>
      </c>
      <c r="B107" s="3" t="s">
        <v>109</v>
      </c>
      <c r="C107" s="3" t="s">
        <v>382</v>
      </c>
      <c r="D107" s="4" t="s">
        <v>374</v>
      </c>
      <c r="E107" s="4"/>
      <c r="F107" s="10"/>
      <c r="G107" s="4" t="s">
        <v>374</v>
      </c>
      <c r="H107" s="4"/>
    </row>
    <row r="108" spans="1:8" ht="45.6" thickBot="1" x14ac:dyDescent="0.3">
      <c r="A108" s="16" t="s">
        <v>286</v>
      </c>
      <c r="B108" s="3" t="s">
        <v>109</v>
      </c>
      <c r="C108" s="3" t="s">
        <v>383</v>
      </c>
      <c r="D108" s="4" t="s">
        <v>374</v>
      </c>
      <c r="E108" s="4"/>
      <c r="F108" s="10"/>
      <c r="G108" s="4" t="s">
        <v>374</v>
      </c>
      <c r="H108" s="4"/>
    </row>
    <row r="109" spans="1:8" ht="60.6" thickBot="1" x14ac:dyDescent="0.3">
      <c r="A109" s="16" t="s">
        <v>287</v>
      </c>
      <c r="B109" s="3" t="s">
        <v>109</v>
      </c>
      <c r="C109" s="3" t="s">
        <v>115</v>
      </c>
      <c r="D109" s="4" t="s">
        <v>374</v>
      </c>
      <c r="E109" s="4"/>
      <c r="F109" s="10"/>
      <c r="G109" s="4" t="s">
        <v>374</v>
      </c>
      <c r="H109" s="4"/>
    </row>
    <row r="110" spans="1:8" ht="60.6" thickBot="1" x14ac:dyDescent="0.3">
      <c r="A110" s="16" t="s">
        <v>288</v>
      </c>
      <c r="B110" s="3" t="s">
        <v>109</v>
      </c>
      <c r="C110" s="3" t="s">
        <v>384</v>
      </c>
      <c r="D110" s="4" t="s">
        <v>374</v>
      </c>
      <c r="E110" s="4"/>
      <c r="F110" s="10"/>
      <c r="G110" s="4" t="s">
        <v>374</v>
      </c>
      <c r="H110" s="4"/>
    </row>
    <row r="111" spans="1:8" ht="45.6" thickBot="1" x14ac:dyDescent="0.3">
      <c r="A111" s="16" t="s">
        <v>289</v>
      </c>
      <c r="B111" s="3" t="s">
        <v>109</v>
      </c>
      <c r="C111" s="3" t="s">
        <v>385</v>
      </c>
      <c r="D111" s="4" t="s">
        <v>374</v>
      </c>
      <c r="E111" s="4"/>
      <c r="F111" s="10"/>
      <c r="G111" s="4" t="s">
        <v>374</v>
      </c>
      <c r="H111" s="4"/>
    </row>
    <row r="112" spans="1:8" ht="150.6" thickBot="1" x14ac:dyDescent="0.3">
      <c r="A112" s="16" t="s">
        <v>290</v>
      </c>
      <c r="B112" s="3" t="s">
        <v>109</v>
      </c>
      <c r="C112" s="3" t="s">
        <v>386</v>
      </c>
      <c r="D112" s="4" t="s">
        <v>374</v>
      </c>
      <c r="E112" s="4"/>
      <c r="F112" s="10"/>
      <c r="G112" s="4" t="s">
        <v>374</v>
      </c>
      <c r="H112" s="4"/>
    </row>
    <row r="113" spans="1:9" ht="45.6" thickBot="1" x14ac:dyDescent="0.3">
      <c r="A113" s="16" t="s">
        <v>291</v>
      </c>
      <c r="B113" s="3" t="s">
        <v>116</v>
      </c>
      <c r="C113" s="3" t="s">
        <v>117</v>
      </c>
      <c r="D113" s="4" t="s">
        <v>374</v>
      </c>
      <c r="E113" s="4"/>
      <c r="F113" s="10"/>
      <c r="G113" s="4" t="s">
        <v>374</v>
      </c>
      <c r="H113" s="4"/>
      <c r="I113" s="9"/>
    </row>
    <row r="114" spans="1:9" ht="30.6" thickBot="1" x14ac:dyDescent="0.3">
      <c r="A114" s="16" t="s">
        <v>292</v>
      </c>
      <c r="B114" s="3" t="s">
        <v>116</v>
      </c>
      <c r="C114" s="3" t="s">
        <v>118</v>
      </c>
      <c r="D114" s="4" t="s">
        <v>374</v>
      </c>
      <c r="E114" s="4"/>
      <c r="F114" s="10"/>
      <c r="G114" s="4" t="s">
        <v>374</v>
      </c>
      <c r="H114" s="4"/>
      <c r="I114" s="9"/>
    </row>
    <row r="115" spans="1:9" ht="45.6" thickBot="1" x14ac:dyDescent="0.3">
      <c r="A115" s="16" t="s">
        <v>293</v>
      </c>
      <c r="B115" s="3" t="s">
        <v>116</v>
      </c>
      <c r="C115" s="3" t="s">
        <v>119</v>
      </c>
      <c r="D115" s="4" t="s">
        <v>374</v>
      </c>
      <c r="E115" s="4"/>
      <c r="F115" s="10"/>
      <c r="G115" s="4" t="s">
        <v>374</v>
      </c>
      <c r="H115" s="4"/>
      <c r="I115" s="9"/>
    </row>
    <row r="116" spans="1:9" ht="30.6" thickBot="1" x14ac:dyDescent="0.3">
      <c r="A116" s="16" t="s">
        <v>294</v>
      </c>
      <c r="B116" s="3" t="s">
        <v>116</v>
      </c>
      <c r="C116" s="3" t="s">
        <v>120</v>
      </c>
      <c r="D116" s="4" t="s">
        <v>374</v>
      </c>
      <c r="E116" s="4"/>
      <c r="F116" s="10"/>
      <c r="G116" s="4" t="s">
        <v>374</v>
      </c>
      <c r="H116" s="4"/>
      <c r="I116" s="9"/>
    </row>
    <row r="117" spans="1:9" ht="45.6" thickBot="1" x14ac:dyDescent="0.3">
      <c r="A117" s="16" t="s">
        <v>295</v>
      </c>
      <c r="B117" s="3" t="s">
        <v>116</v>
      </c>
      <c r="C117" s="3" t="s">
        <v>121</v>
      </c>
      <c r="D117" s="4" t="s">
        <v>374</v>
      </c>
      <c r="E117" s="4"/>
      <c r="F117" s="10"/>
      <c r="G117" s="4" t="s">
        <v>374</v>
      </c>
      <c r="H117" s="4"/>
      <c r="I117" s="9"/>
    </row>
    <row r="118" spans="1:9" ht="75.599999999999994" thickBot="1" x14ac:dyDescent="0.3">
      <c r="A118" s="16" t="s">
        <v>296</v>
      </c>
      <c r="B118" s="3" t="s">
        <v>116</v>
      </c>
      <c r="C118" s="3" t="s">
        <v>122</v>
      </c>
      <c r="D118" s="4" t="s">
        <v>374</v>
      </c>
      <c r="E118" s="4"/>
      <c r="F118" s="10"/>
      <c r="G118" s="4" t="s">
        <v>374</v>
      </c>
      <c r="H118" s="4"/>
    </row>
    <row r="119" spans="1:9" ht="60.6" thickBot="1" x14ac:dyDescent="0.3">
      <c r="A119" s="16" t="s">
        <v>297</v>
      </c>
      <c r="B119" s="3" t="s">
        <v>116</v>
      </c>
      <c r="C119" s="3" t="s">
        <v>123</v>
      </c>
      <c r="D119" s="4" t="s">
        <v>374</v>
      </c>
      <c r="E119" s="4"/>
      <c r="F119" s="10"/>
      <c r="G119" s="4" t="s">
        <v>374</v>
      </c>
      <c r="H119" s="4"/>
    </row>
    <row r="120" spans="1:9" ht="60.6" thickBot="1" x14ac:dyDescent="0.3">
      <c r="A120" s="16" t="s">
        <v>298</v>
      </c>
      <c r="B120" s="3" t="s">
        <v>116</v>
      </c>
      <c r="C120" s="3" t="s">
        <v>124</v>
      </c>
      <c r="D120" s="4" t="s">
        <v>374</v>
      </c>
      <c r="E120" s="4"/>
      <c r="F120" s="10"/>
      <c r="G120" s="4" t="s">
        <v>374</v>
      </c>
      <c r="H120" s="4"/>
    </row>
    <row r="121" spans="1:9" ht="60.6" thickBot="1" x14ac:dyDescent="0.3">
      <c r="A121" s="16" t="s">
        <v>299</v>
      </c>
      <c r="B121" s="3" t="s">
        <v>116</v>
      </c>
      <c r="C121" s="3" t="s">
        <v>125</v>
      </c>
      <c r="D121" s="4" t="s">
        <v>374</v>
      </c>
      <c r="E121" s="4"/>
      <c r="F121" s="10"/>
      <c r="G121" s="4" t="s">
        <v>374</v>
      </c>
      <c r="H121" s="4"/>
    </row>
    <row r="122" spans="1:9" ht="60.6" thickBot="1" x14ac:dyDescent="0.3">
      <c r="A122" s="16" t="s">
        <v>300</v>
      </c>
      <c r="B122" s="3" t="s">
        <v>116</v>
      </c>
      <c r="C122" s="3" t="s">
        <v>126</v>
      </c>
      <c r="D122" s="4" t="s">
        <v>374</v>
      </c>
      <c r="E122" s="4"/>
      <c r="F122" s="10"/>
      <c r="G122" s="4" t="s">
        <v>374</v>
      </c>
      <c r="H122" s="4"/>
    </row>
    <row r="123" spans="1:9" ht="75.599999999999994" thickBot="1" x14ac:dyDescent="0.3">
      <c r="A123" s="16" t="s">
        <v>301</v>
      </c>
      <c r="B123" s="3" t="s">
        <v>116</v>
      </c>
      <c r="C123" s="3" t="s">
        <v>127</v>
      </c>
      <c r="D123" s="4" t="s">
        <v>374</v>
      </c>
      <c r="E123" s="4"/>
      <c r="F123" s="10"/>
      <c r="G123" s="4" t="s">
        <v>374</v>
      </c>
      <c r="H123" s="4"/>
    </row>
    <row r="124" spans="1:9" ht="60.6" thickBot="1" x14ac:dyDescent="0.3">
      <c r="A124" s="16" t="s">
        <v>302</v>
      </c>
      <c r="B124" s="3" t="s">
        <v>116</v>
      </c>
      <c r="C124" s="3" t="s">
        <v>128</v>
      </c>
      <c r="D124" s="4" t="s">
        <v>374</v>
      </c>
      <c r="E124" s="4"/>
      <c r="F124" s="10"/>
      <c r="G124" s="4" t="s">
        <v>374</v>
      </c>
      <c r="H124" s="4"/>
    </row>
    <row r="125" spans="1:9" ht="45.6" thickBot="1" x14ac:dyDescent="0.3">
      <c r="A125" s="16" t="s">
        <v>303</v>
      </c>
      <c r="B125" s="3" t="s">
        <v>116</v>
      </c>
      <c r="C125" s="3" t="s">
        <v>129</v>
      </c>
      <c r="D125" s="4" t="s">
        <v>374</v>
      </c>
      <c r="E125" s="4"/>
      <c r="F125" s="10"/>
      <c r="G125" s="4" t="s">
        <v>374</v>
      </c>
      <c r="H125" s="4"/>
    </row>
    <row r="126" spans="1:9" ht="60.6" thickBot="1" x14ac:dyDescent="0.3">
      <c r="A126" s="16" t="s">
        <v>304</v>
      </c>
      <c r="B126" s="3" t="s">
        <v>116</v>
      </c>
      <c r="C126" s="3" t="s">
        <v>130</v>
      </c>
      <c r="D126" s="4" t="s">
        <v>374</v>
      </c>
      <c r="E126" s="4"/>
      <c r="F126" s="10"/>
      <c r="G126" s="4" t="s">
        <v>374</v>
      </c>
      <c r="H126" s="4"/>
    </row>
    <row r="127" spans="1:9" ht="60.6" thickBot="1" x14ac:dyDescent="0.3">
      <c r="A127" s="16" t="s">
        <v>305</v>
      </c>
      <c r="B127" s="3" t="s">
        <v>116</v>
      </c>
      <c r="C127" s="3" t="s">
        <v>131</v>
      </c>
      <c r="D127" s="4" t="s">
        <v>374</v>
      </c>
      <c r="E127" s="4"/>
      <c r="F127" s="10"/>
      <c r="G127" s="4" t="s">
        <v>374</v>
      </c>
      <c r="H127" s="4"/>
    </row>
    <row r="128" spans="1:9" ht="45.6" thickBot="1" x14ac:dyDescent="0.3">
      <c r="A128" s="16" t="s">
        <v>306</v>
      </c>
      <c r="B128" s="3" t="s">
        <v>116</v>
      </c>
      <c r="C128" s="3" t="s">
        <v>132</v>
      </c>
      <c r="D128" s="4" t="s">
        <v>374</v>
      </c>
      <c r="E128" s="4"/>
      <c r="F128" s="10"/>
      <c r="G128" s="4" t="s">
        <v>374</v>
      </c>
      <c r="H128" s="4"/>
    </row>
    <row r="129" spans="1:8" ht="45.6" thickBot="1" x14ac:dyDescent="0.3">
      <c r="A129" s="16" t="s">
        <v>307</v>
      </c>
      <c r="B129" s="3" t="s">
        <v>116</v>
      </c>
      <c r="C129" s="3" t="s">
        <v>133</v>
      </c>
      <c r="D129" s="4" t="s">
        <v>374</v>
      </c>
      <c r="E129" s="4"/>
      <c r="F129" s="10"/>
      <c r="G129" s="4" t="s">
        <v>374</v>
      </c>
      <c r="H129" s="4"/>
    </row>
    <row r="130" spans="1:8" ht="60.6" thickBot="1" x14ac:dyDescent="0.3">
      <c r="A130" s="16" t="s">
        <v>308</v>
      </c>
      <c r="B130" s="3" t="s">
        <v>116</v>
      </c>
      <c r="C130" s="3" t="s">
        <v>134</v>
      </c>
      <c r="D130" s="4" t="s">
        <v>374</v>
      </c>
      <c r="E130" s="4"/>
      <c r="F130" s="10"/>
      <c r="G130" s="4" t="s">
        <v>374</v>
      </c>
      <c r="H130" s="4"/>
    </row>
    <row r="131" spans="1:8" ht="60.6" thickBot="1" x14ac:dyDescent="0.3">
      <c r="A131" s="16" t="s">
        <v>309</v>
      </c>
      <c r="B131" s="3" t="s">
        <v>116</v>
      </c>
      <c r="C131" s="3" t="s">
        <v>135</v>
      </c>
      <c r="D131" s="4" t="s">
        <v>374</v>
      </c>
      <c r="E131" s="4"/>
      <c r="F131" s="10"/>
      <c r="G131" s="4" t="s">
        <v>374</v>
      </c>
      <c r="H131" s="4"/>
    </row>
    <row r="132" spans="1:8" ht="45.6" thickBot="1" x14ac:dyDescent="0.3">
      <c r="A132" s="16" t="s">
        <v>310</v>
      </c>
      <c r="B132" s="3" t="s">
        <v>116</v>
      </c>
      <c r="C132" s="3" t="s">
        <v>136</v>
      </c>
      <c r="D132" s="4" t="s">
        <v>374</v>
      </c>
      <c r="E132" s="4"/>
      <c r="F132" s="10"/>
      <c r="G132" s="4" t="s">
        <v>374</v>
      </c>
      <c r="H132" s="4"/>
    </row>
    <row r="133" spans="1:8" ht="60.6" thickBot="1" x14ac:dyDescent="0.3">
      <c r="A133" s="16" t="s">
        <v>311</v>
      </c>
      <c r="B133" s="3" t="s">
        <v>116</v>
      </c>
      <c r="C133" s="3" t="s">
        <v>137</v>
      </c>
      <c r="D133" s="4" t="s">
        <v>374</v>
      </c>
      <c r="E133" s="4"/>
      <c r="F133" s="10"/>
      <c r="G133" s="4" t="s">
        <v>374</v>
      </c>
      <c r="H133" s="4"/>
    </row>
    <row r="134" spans="1:8" ht="45.6" thickBot="1" x14ac:dyDescent="0.3">
      <c r="A134" s="16" t="s">
        <v>312</v>
      </c>
      <c r="B134" s="3" t="s">
        <v>116</v>
      </c>
      <c r="C134" s="3" t="s">
        <v>138</v>
      </c>
      <c r="D134" s="4" t="s">
        <v>374</v>
      </c>
      <c r="E134" s="4"/>
      <c r="F134" s="10"/>
      <c r="G134" s="4" t="s">
        <v>374</v>
      </c>
      <c r="H134" s="4"/>
    </row>
    <row r="135" spans="1:8" ht="75.599999999999994" thickBot="1" x14ac:dyDescent="0.3">
      <c r="A135" s="16" t="s">
        <v>313</v>
      </c>
      <c r="B135" s="3" t="s">
        <v>116</v>
      </c>
      <c r="C135" s="3" t="s">
        <v>139</v>
      </c>
      <c r="D135" s="4" t="s">
        <v>374</v>
      </c>
      <c r="E135" s="4"/>
      <c r="F135" s="10"/>
      <c r="G135" s="4" t="s">
        <v>374</v>
      </c>
      <c r="H135" s="4"/>
    </row>
    <row r="136" spans="1:8" ht="75.599999999999994" thickBot="1" x14ac:dyDescent="0.3">
      <c r="A136" s="16" t="s">
        <v>314</v>
      </c>
      <c r="B136" s="3" t="s">
        <v>116</v>
      </c>
      <c r="C136" s="3" t="s">
        <v>401</v>
      </c>
      <c r="D136" s="4" t="s">
        <v>374</v>
      </c>
      <c r="E136" s="4"/>
      <c r="F136" s="10"/>
      <c r="G136" s="4" t="s">
        <v>374</v>
      </c>
      <c r="H136" s="4"/>
    </row>
    <row r="137" spans="1:8" ht="45.6" thickBot="1" x14ac:dyDescent="0.3">
      <c r="A137" s="16" t="s">
        <v>315</v>
      </c>
      <c r="B137" s="3" t="s">
        <v>116</v>
      </c>
      <c r="C137" s="3" t="s">
        <v>140</v>
      </c>
      <c r="D137" s="4" t="s">
        <v>374</v>
      </c>
      <c r="E137" s="4"/>
      <c r="F137" s="10"/>
      <c r="G137" s="4" t="s">
        <v>374</v>
      </c>
      <c r="H137" s="4"/>
    </row>
    <row r="138" spans="1:8" ht="60.6" thickBot="1" x14ac:dyDescent="0.3">
      <c r="A138" s="16" t="s">
        <v>316</v>
      </c>
      <c r="B138" s="3" t="s">
        <v>116</v>
      </c>
      <c r="C138" s="3" t="s">
        <v>141</v>
      </c>
      <c r="D138" s="4" t="s">
        <v>374</v>
      </c>
      <c r="E138" s="4"/>
      <c r="F138" s="10"/>
      <c r="G138" s="4" t="s">
        <v>374</v>
      </c>
      <c r="H138" s="4"/>
    </row>
    <row r="139" spans="1:8" ht="60.6" thickBot="1" x14ac:dyDescent="0.3">
      <c r="A139" s="16" t="s">
        <v>317</v>
      </c>
      <c r="B139" s="3" t="s">
        <v>116</v>
      </c>
      <c r="C139" s="3" t="s">
        <v>142</v>
      </c>
      <c r="D139" s="4" t="s">
        <v>374</v>
      </c>
      <c r="E139" s="4"/>
      <c r="F139" s="10"/>
      <c r="G139" s="4" t="s">
        <v>374</v>
      </c>
      <c r="H139" s="4"/>
    </row>
    <row r="140" spans="1:8" ht="75.599999999999994" thickBot="1" x14ac:dyDescent="0.3">
      <c r="A140" s="16" t="s">
        <v>318</v>
      </c>
      <c r="B140" s="3" t="s">
        <v>116</v>
      </c>
      <c r="C140" s="3" t="s">
        <v>143</v>
      </c>
      <c r="D140" s="4" t="s">
        <v>374</v>
      </c>
      <c r="E140" s="4"/>
      <c r="F140" s="10"/>
      <c r="G140" s="4" t="s">
        <v>374</v>
      </c>
      <c r="H140" s="4"/>
    </row>
    <row r="141" spans="1:8" ht="75.599999999999994" thickBot="1" x14ac:dyDescent="0.3">
      <c r="A141" s="16" t="s">
        <v>319</v>
      </c>
      <c r="B141" s="3" t="s">
        <v>116</v>
      </c>
      <c r="C141" s="3" t="s">
        <v>144</v>
      </c>
      <c r="D141" s="4" t="s">
        <v>374</v>
      </c>
      <c r="E141" s="4"/>
      <c r="F141" s="10"/>
      <c r="G141" s="4" t="s">
        <v>374</v>
      </c>
      <c r="H141" s="4"/>
    </row>
    <row r="142" spans="1:8" ht="75.599999999999994" thickBot="1" x14ac:dyDescent="0.3">
      <c r="A142" s="16" t="s">
        <v>320</v>
      </c>
      <c r="B142" s="3" t="s">
        <v>116</v>
      </c>
      <c r="C142" s="3" t="s">
        <v>145</v>
      </c>
      <c r="D142" s="4" t="s">
        <v>374</v>
      </c>
      <c r="E142" s="4"/>
      <c r="F142" s="10"/>
      <c r="G142" s="4" t="s">
        <v>374</v>
      </c>
      <c r="H142" s="4"/>
    </row>
    <row r="143" spans="1:8" ht="60.6" thickBot="1" x14ac:dyDescent="0.3">
      <c r="A143" s="16" t="s">
        <v>321</v>
      </c>
      <c r="B143" s="3" t="s">
        <v>146</v>
      </c>
      <c r="C143" s="3" t="s">
        <v>147</v>
      </c>
      <c r="D143" s="4" t="s">
        <v>374</v>
      </c>
      <c r="E143" s="4"/>
      <c r="F143" s="10"/>
      <c r="G143" s="4" t="s">
        <v>374</v>
      </c>
      <c r="H143" s="4"/>
    </row>
    <row r="144" spans="1:8" ht="45.6" thickBot="1" x14ac:dyDescent="0.3">
      <c r="A144" s="16" t="s">
        <v>322</v>
      </c>
      <c r="B144" s="3" t="s">
        <v>146</v>
      </c>
      <c r="C144" s="3" t="s">
        <v>148</v>
      </c>
      <c r="D144" s="4" t="s">
        <v>374</v>
      </c>
      <c r="E144" s="4"/>
      <c r="F144" s="10"/>
      <c r="G144" s="4" t="s">
        <v>374</v>
      </c>
      <c r="H144" s="4"/>
    </row>
    <row r="145" spans="1:8" ht="60.6" thickBot="1" x14ac:dyDescent="0.3">
      <c r="A145" s="16" t="s">
        <v>323</v>
      </c>
      <c r="B145" s="3" t="s">
        <v>146</v>
      </c>
      <c r="C145" s="3" t="s">
        <v>149</v>
      </c>
      <c r="D145" s="4" t="s">
        <v>374</v>
      </c>
      <c r="E145" s="4"/>
      <c r="F145" s="10"/>
      <c r="G145" s="4" t="s">
        <v>374</v>
      </c>
      <c r="H145" s="4"/>
    </row>
    <row r="146" spans="1:8" ht="45.6" thickBot="1" x14ac:dyDescent="0.3">
      <c r="A146" s="16" t="s">
        <v>324</v>
      </c>
      <c r="B146" s="3" t="s">
        <v>146</v>
      </c>
      <c r="C146" s="3" t="s">
        <v>150</v>
      </c>
      <c r="D146" s="4" t="s">
        <v>374</v>
      </c>
      <c r="E146" s="4"/>
      <c r="F146" s="10"/>
      <c r="G146" s="4" t="s">
        <v>374</v>
      </c>
      <c r="H146" s="4"/>
    </row>
    <row r="147" spans="1:8" ht="60.6" thickBot="1" x14ac:dyDescent="0.3">
      <c r="A147" s="16" t="s">
        <v>325</v>
      </c>
      <c r="B147" s="3" t="s">
        <v>146</v>
      </c>
      <c r="C147" s="3" t="s">
        <v>387</v>
      </c>
      <c r="D147" s="4" t="s">
        <v>374</v>
      </c>
      <c r="E147" s="4"/>
      <c r="F147" s="10"/>
      <c r="G147" s="4" t="s">
        <v>374</v>
      </c>
      <c r="H147" s="4"/>
    </row>
    <row r="148" spans="1:8" ht="60.6" thickBot="1" x14ac:dyDescent="0.3">
      <c r="A148" s="16" t="s">
        <v>326</v>
      </c>
      <c r="B148" s="3" t="s">
        <v>146</v>
      </c>
      <c r="C148" s="3" t="s">
        <v>151</v>
      </c>
      <c r="D148" s="4" t="s">
        <v>374</v>
      </c>
      <c r="E148" s="4"/>
      <c r="F148" s="10"/>
      <c r="G148" s="4" t="s">
        <v>374</v>
      </c>
      <c r="H148" s="4"/>
    </row>
    <row r="149" spans="1:8" ht="45.6" thickBot="1" x14ac:dyDescent="0.3">
      <c r="A149" s="16" t="s">
        <v>327</v>
      </c>
      <c r="B149" s="3" t="s">
        <v>146</v>
      </c>
      <c r="C149" s="3" t="s">
        <v>388</v>
      </c>
      <c r="D149" s="4" t="s">
        <v>374</v>
      </c>
      <c r="E149" s="4"/>
      <c r="F149" s="10"/>
      <c r="G149" s="4" t="s">
        <v>374</v>
      </c>
      <c r="H149" s="4"/>
    </row>
    <row r="150" spans="1:8" ht="60.6" thickBot="1" x14ac:dyDescent="0.3">
      <c r="A150" s="16" t="s">
        <v>328</v>
      </c>
      <c r="B150" s="3" t="s">
        <v>146</v>
      </c>
      <c r="C150" s="3" t="s">
        <v>152</v>
      </c>
      <c r="D150" s="4" t="s">
        <v>374</v>
      </c>
      <c r="E150" s="4"/>
      <c r="F150" s="10"/>
      <c r="G150" s="4" t="s">
        <v>374</v>
      </c>
      <c r="H150" s="4"/>
    </row>
    <row r="151" spans="1:8" ht="60.6" thickBot="1" x14ac:dyDescent="0.3">
      <c r="A151" s="16" t="s">
        <v>329</v>
      </c>
      <c r="B151" s="3" t="s">
        <v>146</v>
      </c>
      <c r="C151" s="3" t="s">
        <v>389</v>
      </c>
      <c r="D151" s="4" t="s">
        <v>374</v>
      </c>
      <c r="E151" s="4"/>
      <c r="F151" s="10"/>
      <c r="G151" s="4" t="s">
        <v>374</v>
      </c>
      <c r="H151" s="4"/>
    </row>
    <row r="152" spans="1:8" ht="45.6" thickBot="1" x14ac:dyDescent="0.3">
      <c r="A152" s="16" t="s">
        <v>330</v>
      </c>
      <c r="B152" s="3" t="s">
        <v>146</v>
      </c>
      <c r="C152" s="3" t="s">
        <v>153</v>
      </c>
      <c r="D152" s="4" t="s">
        <v>374</v>
      </c>
      <c r="E152" s="4"/>
      <c r="F152" s="10"/>
      <c r="G152" s="4" t="s">
        <v>374</v>
      </c>
      <c r="H152" s="4"/>
    </row>
    <row r="153" spans="1:8" ht="60.6" thickBot="1" x14ac:dyDescent="0.3">
      <c r="A153" s="16" t="s">
        <v>331</v>
      </c>
      <c r="B153" s="3" t="s">
        <v>154</v>
      </c>
      <c r="C153" s="3" t="s">
        <v>155</v>
      </c>
      <c r="D153" s="4" t="s">
        <v>374</v>
      </c>
      <c r="E153" s="4"/>
      <c r="F153" s="10"/>
      <c r="G153" s="4" t="s">
        <v>374</v>
      </c>
      <c r="H153" s="4"/>
    </row>
    <row r="154" spans="1:8" ht="45.6" thickBot="1" x14ac:dyDescent="0.3">
      <c r="A154" s="16" t="s">
        <v>332</v>
      </c>
      <c r="B154" s="3" t="s">
        <v>154</v>
      </c>
      <c r="C154" s="3" t="s">
        <v>390</v>
      </c>
      <c r="D154" s="4" t="s">
        <v>374</v>
      </c>
      <c r="E154" s="4"/>
      <c r="F154" s="10"/>
      <c r="G154" s="4" t="s">
        <v>374</v>
      </c>
      <c r="H154" s="4"/>
    </row>
    <row r="155" spans="1:8" ht="60.6" thickBot="1" x14ac:dyDescent="0.3">
      <c r="A155" s="16" t="s">
        <v>333</v>
      </c>
      <c r="B155" s="3" t="s">
        <v>154</v>
      </c>
      <c r="C155" s="3" t="s">
        <v>156</v>
      </c>
      <c r="D155" s="4" t="s">
        <v>374</v>
      </c>
      <c r="E155" s="4"/>
      <c r="F155" s="10"/>
      <c r="G155" s="4" t="s">
        <v>374</v>
      </c>
      <c r="H155" s="4"/>
    </row>
    <row r="156" spans="1:8" ht="60.6" thickBot="1" x14ac:dyDescent="0.3">
      <c r="A156" s="16" t="s">
        <v>334</v>
      </c>
      <c r="B156" s="3" t="s">
        <v>154</v>
      </c>
      <c r="C156" s="3" t="s">
        <v>157</v>
      </c>
      <c r="D156" s="4" t="s">
        <v>374</v>
      </c>
      <c r="E156" s="4"/>
      <c r="F156" s="10"/>
      <c r="G156" s="4" t="s">
        <v>374</v>
      </c>
      <c r="H156" s="4"/>
    </row>
    <row r="157" spans="1:8" ht="60.6" thickBot="1" x14ac:dyDescent="0.3">
      <c r="A157" s="16" t="s">
        <v>335</v>
      </c>
      <c r="B157" s="3" t="s">
        <v>154</v>
      </c>
      <c r="C157" s="3" t="s">
        <v>391</v>
      </c>
      <c r="D157" s="4" t="s">
        <v>374</v>
      </c>
      <c r="E157" s="4"/>
      <c r="F157" s="10"/>
      <c r="G157" s="4" t="s">
        <v>374</v>
      </c>
      <c r="H157" s="4"/>
    </row>
    <row r="158" spans="1:8" ht="45.6" thickBot="1" x14ac:dyDescent="0.3">
      <c r="A158" s="16" t="s">
        <v>336</v>
      </c>
      <c r="B158" s="3" t="s">
        <v>154</v>
      </c>
      <c r="C158" s="3" t="s">
        <v>158</v>
      </c>
      <c r="D158" s="4" t="s">
        <v>374</v>
      </c>
      <c r="E158" s="4"/>
      <c r="F158" s="10"/>
      <c r="G158" s="4" t="s">
        <v>374</v>
      </c>
      <c r="H158" s="4"/>
    </row>
    <row r="159" spans="1:8" ht="60.6" thickBot="1" x14ac:dyDescent="0.3">
      <c r="A159" s="16" t="s">
        <v>337</v>
      </c>
      <c r="B159" s="3" t="s">
        <v>154</v>
      </c>
      <c r="C159" s="3" t="s">
        <v>159</v>
      </c>
      <c r="D159" s="4" t="s">
        <v>374</v>
      </c>
      <c r="E159" s="4"/>
      <c r="F159" s="10"/>
      <c r="G159" s="4" t="s">
        <v>374</v>
      </c>
      <c r="H159" s="4"/>
    </row>
    <row r="160" spans="1:8" ht="45.6" thickBot="1" x14ac:dyDescent="0.3">
      <c r="A160" s="16" t="s">
        <v>338</v>
      </c>
      <c r="B160" s="3" t="s">
        <v>154</v>
      </c>
      <c r="C160" s="3" t="s">
        <v>392</v>
      </c>
      <c r="D160" s="4" t="s">
        <v>374</v>
      </c>
      <c r="E160" s="4"/>
      <c r="F160" s="10"/>
      <c r="G160" s="4" t="s">
        <v>374</v>
      </c>
      <c r="H160" s="4"/>
    </row>
    <row r="161" spans="1:8" ht="60.6" thickBot="1" x14ac:dyDescent="0.3">
      <c r="A161" s="16" t="s">
        <v>339</v>
      </c>
      <c r="B161" s="3" t="s">
        <v>154</v>
      </c>
      <c r="C161" s="3" t="s">
        <v>160</v>
      </c>
      <c r="D161" s="4" t="s">
        <v>374</v>
      </c>
      <c r="E161" s="4"/>
      <c r="F161" s="10"/>
      <c r="G161" s="4" t="s">
        <v>374</v>
      </c>
      <c r="H161" s="4"/>
    </row>
    <row r="162" spans="1:8" ht="45.6" thickBot="1" x14ac:dyDescent="0.3">
      <c r="A162" s="16" t="s">
        <v>340</v>
      </c>
      <c r="B162" s="3" t="s">
        <v>154</v>
      </c>
      <c r="C162" s="3" t="s">
        <v>161</v>
      </c>
      <c r="D162" s="4" t="s">
        <v>374</v>
      </c>
      <c r="E162" s="4"/>
      <c r="F162" s="10"/>
      <c r="G162" s="4" t="s">
        <v>374</v>
      </c>
      <c r="H162" s="4"/>
    </row>
    <row r="163" spans="1:8" ht="45.6" thickBot="1" x14ac:dyDescent="0.3">
      <c r="A163" s="16" t="s">
        <v>341</v>
      </c>
      <c r="B163" s="3" t="s">
        <v>154</v>
      </c>
      <c r="C163" s="3" t="s">
        <v>162</v>
      </c>
      <c r="D163" s="4" t="s">
        <v>374</v>
      </c>
      <c r="E163" s="4"/>
      <c r="F163" s="10"/>
      <c r="G163" s="4" t="s">
        <v>374</v>
      </c>
      <c r="H163" s="4"/>
    </row>
    <row r="164" spans="1:8" ht="45.6" thickBot="1" x14ac:dyDescent="0.3">
      <c r="A164" s="16" t="s">
        <v>342</v>
      </c>
      <c r="B164" s="3" t="s">
        <v>154</v>
      </c>
      <c r="C164" s="3" t="s">
        <v>393</v>
      </c>
      <c r="D164" s="4" t="s">
        <v>374</v>
      </c>
      <c r="E164" s="4"/>
      <c r="F164" s="10"/>
      <c r="G164" s="4" t="s">
        <v>374</v>
      </c>
      <c r="H164" s="4"/>
    </row>
    <row r="165" spans="1:8" ht="60.6" thickBot="1" x14ac:dyDescent="0.3">
      <c r="A165" s="16" t="s">
        <v>343</v>
      </c>
      <c r="B165" s="3" t="s">
        <v>154</v>
      </c>
      <c r="C165" s="3" t="s">
        <v>394</v>
      </c>
      <c r="D165" s="4" t="s">
        <v>374</v>
      </c>
      <c r="E165" s="4"/>
      <c r="F165" s="10"/>
      <c r="G165" s="4" t="s">
        <v>374</v>
      </c>
      <c r="H165" s="4"/>
    </row>
    <row r="166" spans="1:8" ht="60.6" thickBot="1" x14ac:dyDescent="0.3">
      <c r="A166" s="16" t="s">
        <v>344</v>
      </c>
      <c r="B166" s="3" t="s">
        <v>154</v>
      </c>
      <c r="C166" s="3" t="s">
        <v>163</v>
      </c>
      <c r="D166" s="4" t="s">
        <v>374</v>
      </c>
      <c r="E166" s="4"/>
      <c r="F166" s="10"/>
      <c r="G166" s="4" t="s">
        <v>374</v>
      </c>
      <c r="H166" s="4"/>
    </row>
    <row r="167" spans="1:8" ht="45.6" thickBot="1" x14ac:dyDescent="0.3">
      <c r="A167" s="16" t="s">
        <v>345</v>
      </c>
      <c r="B167" s="3" t="s">
        <v>154</v>
      </c>
      <c r="C167" s="3" t="s">
        <v>395</v>
      </c>
      <c r="D167" s="4" t="s">
        <v>374</v>
      </c>
      <c r="E167" s="4"/>
      <c r="F167" s="10"/>
      <c r="G167" s="4" t="s">
        <v>374</v>
      </c>
      <c r="H167" s="4"/>
    </row>
    <row r="168" spans="1:8" ht="45.6" thickBot="1" x14ac:dyDescent="0.3">
      <c r="A168" s="16" t="s">
        <v>346</v>
      </c>
      <c r="B168" s="3" t="s">
        <v>154</v>
      </c>
      <c r="C168" s="3" t="s">
        <v>164</v>
      </c>
      <c r="D168" s="4" t="s">
        <v>374</v>
      </c>
      <c r="E168" s="4"/>
      <c r="F168" s="10"/>
      <c r="G168" s="4" t="s">
        <v>374</v>
      </c>
      <c r="H168" s="4"/>
    </row>
    <row r="169" spans="1:8" ht="60.6" thickBot="1" x14ac:dyDescent="0.3">
      <c r="A169" s="16" t="s">
        <v>347</v>
      </c>
      <c r="B169" s="3" t="s">
        <v>165</v>
      </c>
      <c r="C169" s="3" t="s">
        <v>166</v>
      </c>
      <c r="D169" s="4" t="s">
        <v>374</v>
      </c>
      <c r="E169" s="4"/>
      <c r="F169" s="10"/>
      <c r="G169" s="4" t="s">
        <v>374</v>
      </c>
      <c r="H169" s="4"/>
    </row>
    <row r="170" spans="1:8" ht="45.6" thickBot="1" x14ac:dyDescent="0.3">
      <c r="A170" s="16" t="s">
        <v>348</v>
      </c>
      <c r="B170" s="3" t="s">
        <v>165</v>
      </c>
      <c r="C170" s="3" t="s">
        <v>167</v>
      </c>
      <c r="D170" s="4" t="s">
        <v>374</v>
      </c>
      <c r="E170" s="4"/>
      <c r="F170" s="10"/>
      <c r="G170" s="4" t="s">
        <v>374</v>
      </c>
      <c r="H170" s="4"/>
    </row>
    <row r="171" spans="1:8" ht="60.6" thickBot="1" x14ac:dyDescent="0.3">
      <c r="A171" s="16" t="s">
        <v>349</v>
      </c>
      <c r="B171" s="3" t="s">
        <v>165</v>
      </c>
      <c r="C171" s="3" t="s">
        <v>168</v>
      </c>
      <c r="D171" s="4" t="s">
        <v>374</v>
      </c>
      <c r="E171" s="4"/>
      <c r="F171" s="10"/>
      <c r="G171" s="4" t="s">
        <v>374</v>
      </c>
      <c r="H171" s="4"/>
    </row>
    <row r="172" spans="1:8" ht="60.6" thickBot="1" x14ac:dyDescent="0.3">
      <c r="A172" s="16" t="s">
        <v>350</v>
      </c>
      <c r="B172" s="3" t="s">
        <v>165</v>
      </c>
      <c r="C172" s="3" t="s">
        <v>169</v>
      </c>
      <c r="D172" s="4" t="s">
        <v>374</v>
      </c>
      <c r="E172" s="4"/>
      <c r="F172" s="10"/>
      <c r="G172" s="4" t="s">
        <v>374</v>
      </c>
      <c r="H172" s="4"/>
    </row>
    <row r="173" spans="1:8" ht="45.6" thickBot="1" x14ac:dyDescent="0.3">
      <c r="A173" s="16" t="s">
        <v>351</v>
      </c>
      <c r="B173" s="3" t="s">
        <v>165</v>
      </c>
      <c r="C173" s="3" t="s">
        <v>170</v>
      </c>
      <c r="D173" s="4" t="s">
        <v>374</v>
      </c>
      <c r="E173" s="4"/>
      <c r="F173" s="10"/>
      <c r="G173" s="4" t="s">
        <v>374</v>
      </c>
      <c r="H173" s="4"/>
    </row>
    <row r="174" spans="1:8" ht="60.6" thickBot="1" x14ac:dyDescent="0.3">
      <c r="A174" s="16" t="s">
        <v>352</v>
      </c>
      <c r="B174" s="3" t="s">
        <v>165</v>
      </c>
      <c r="C174" s="3" t="s">
        <v>171</v>
      </c>
      <c r="D174" s="4" t="s">
        <v>374</v>
      </c>
      <c r="E174" s="4"/>
      <c r="F174" s="10"/>
      <c r="G174" s="4" t="s">
        <v>374</v>
      </c>
      <c r="H174" s="4"/>
    </row>
    <row r="175" spans="1:8" ht="60.6" thickBot="1" x14ac:dyDescent="0.3">
      <c r="A175" s="16" t="s">
        <v>353</v>
      </c>
      <c r="B175" s="3" t="s">
        <v>165</v>
      </c>
      <c r="C175" s="3" t="s">
        <v>172</v>
      </c>
      <c r="D175" s="4" t="s">
        <v>374</v>
      </c>
      <c r="E175" s="4"/>
      <c r="F175" s="10"/>
      <c r="G175" s="4" t="s">
        <v>374</v>
      </c>
      <c r="H175" s="4"/>
    </row>
    <row r="176" spans="1:8" ht="60.6" thickBot="1" x14ac:dyDescent="0.3">
      <c r="A176" s="16" t="s">
        <v>354</v>
      </c>
      <c r="B176" s="3" t="s">
        <v>165</v>
      </c>
      <c r="C176" s="3" t="s">
        <v>173</v>
      </c>
      <c r="D176" s="4" t="s">
        <v>374</v>
      </c>
      <c r="E176" s="4"/>
      <c r="F176" s="10"/>
      <c r="G176" s="4" t="s">
        <v>374</v>
      </c>
      <c r="H176" s="4"/>
    </row>
    <row r="177" spans="1:9" ht="60.6" thickBot="1" x14ac:dyDescent="0.3">
      <c r="A177" s="16" t="s">
        <v>355</v>
      </c>
      <c r="B177" s="3" t="s">
        <v>165</v>
      </c>
      <c r="C177" s="3" t="s">
        <v>174</v>
      </c>
      <c r="D177" s="4" t="s">
        <v>374</v>
      </c>
      <c r="E177" s="4"/>
      <c r="F177" s="10"/>
      <c r="G177" s="4" t="s">
        <v>374</v>
      </c>
      <c r="H177" s="4"/>
    </row>
    <row r="178" spans="1:9" ht="75.599999999999994" thickBot="1" x14ac:dyDescent="0.3">
      <c r="A178" s="16" t="s">
        <v>356</v>
      </c>
      <c r="B178" s="3" t="s">
        <v>165</v>
      </c>
      <c r="C178" s="3" t="s">
        <v>175</v>
      </c>
      <c r="D178" s="4" t="s">
        <v>374</v>
      </c>
      <c r="E178" s="4"/>
      <c r="F178" s="10"/>
      <c r="G178" s="4" t="s">
        <v>374</v>
      </c>
      <c r="H178" s="4"/>
    </row>
    <row r="179" spans="1:9" ht="30.6" thickBot="1" x14ac:dyDescent="0.3">
      <c r="A179" s="16" t="s">
        <v>357</v>
      </c>
      <c r="B179" s="3" t="s">
        <v>165</v>
      </c>
      <c r="C179" s="3" t="s">
        <v>176</v>
      </c>
      <c r="D179" s="4" t="s">
        <v>374</v>
      </c>
      <c r="E179" s="4"/>
      <c r="F179" s="10"/>
      <c r="G179" s="4" t="s">
        <v>374</v>
      </c>
      <c r="H179" s="4"/>
      <c r="I179" s="9"/>
    </row>
    <row r="180" spans="1:9" ht="30.6" thickBot="1" x14ac:dyDescent="0.3">
      <c r="A180" s="16" t="s">
        <v>358</v>
      </c>
      <c r="B180" s="3" t="s">
        <v>165</v>
      </c>
      <c r="C180" s="3" t="s">
        <v>177</v>
      </c>
      <c r="D180" s="4" t="s">
        <v>374</v>
      </c>
      <c r="E180" s="4"/>
      <c r="F180" s="10"/>
      <c r="G180" s="4" t="s">
        <v>374</v>
      </c>
      <c r="H180" s="4"/>
      <c r="I180" s="9"/>
    </row>
    <row r="181" spans="1:9" ht="45.6" thickBot="1" x14ac:dyDescent="0.3">
      <c r="A181" s="16" t="s">
        <v>359</v>
      </c>
      <c r="B181" s="3" t="s">
        <v>165</v>
      </c>
      <c r="C181" s="3" t="s">
        <v>178</v>
      </c>
      <c r="D181" s="4" t="s">
        <v>374</v>
      </c>
      <c r="E181" s="4"/>
      <c r="F181" s="10"/>
      <c r="G181" s="4" t="s">
        <v>374</v>
      </c>
      <c r="H181" s="4"/>
      <c r="I181" s="9"/>
    </row>
    <row r="182" spans="1:9" ht="30.6" thickBot="1" x14ac:dyDescent="0.3">
      <c r="A182" s="16" t="s">
        <v>360</v>
      </c>
      <c r="B182" s="3" t="s">
        <v>165</v>
      </c>
      <c r="C182" s="3" t="s">
        <v>179</v>
      </c>
      <c r="D182" s="4" t="s">
        <v>374</v>
      </c>
      <c r="E182" s="4"/>
      <c r="F182" s="10"/>
      <c r="G182" s="4" t="s">
        <v>374</v>
      </c>
      <c r="H182" s="4"/>
      <c r="I182" s="9"/>
    </row>
  </sheetData>
  <dataValidations count="2">
    <dataValidation type="list" allowBlank="1" showInputMessage="1" showErrorMessage="1" sqref="G2:G182 D2:D182" xr:uid="{7BFC514A-0CDD-480B-B4BF-6B1FEACE6777}">
      <formula1>"Mandatory, Not Required"</formula1>
    </dataValidation>
    <dataValidation type="list" allowBlank="1" showInputMessage="1" showErrorMessage="1" sqref="H2:H182 E2:E182" xr:uid="{1ECB776B-C640-4BA6-81C6-EB42FBC5559F}">
      <formula1>"We Agree, Not Met"</formula1>
    </dataValidation>
  </dataValidations>
  <pageMargins left="0.7" right="0.7" top="0.75" bottom="0.75" header="0.3" footer="0.3"/>
  <tableParts count="1">
    <tablePart r:id="rId1"/>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templateName":"Segal-Branded","templateDescription":"","enableDocumentContentUpdater":true,"version":"2.0"}]]></TemplafyTemplateConfiguration>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5c38276-1455-4782-ad15-9d0b42c0e8c8">
      <Terms xmlns="http://schemas.microsoft.com/office/infopath/2007/PartnerControls"/>
    </lcf76f155ced4ddcb4097134ff3c332f>
    <TaxCatchAll xmlns="55c1d4eb-16f2-4b76-9ac6-19b8dc77ae34" xsi:nil="true"/>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EF5C87BF47D87D4196EFFEE83BD998DE" ma:contentTypeVersion="10" ma:contentTypeDescription="Create a new document." ma:contentTypeScope="" ma:versionID="f435e7823e94dd2c72cefd8a8182faf4">
  <xsd:schema xmlns:xsd="http://www.w3.org/2001/XMLSchema" xmlns:xs="http://www.w3.org/2001/XMLSchema" xmlns:p="http://schemas.microsoft.com/office/2006/metadata/properties" xmlns:ns2="35c38276-1455-4782-ad15-9d0b42c0e8c8" xmlns:ns3="55c1d4eb-16f2-4b76-9ac6-19b8dc77ae34" targetNamespace="http://schemas.microsoft.com/office/2006/metadata/properties" ma:root="true" ma:fieldsID="fb311f56ec033730601c734d3856d671" ns2:_="" ns3:_="">
    <xsd:import namespace="35c38276-1455-4782-ad15-9d0b42c0e8c8"/>
    <xsd:import namespace="55c1d4eb-16f2-4b76-9ac6-19b8dc77ae3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5c38276-1455-4782-ad15-9d0b42c0e8c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592d6ec5-c7ce-4635-bbd3-313f69af6cc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c1d4eb-16f2-4b76-9ac6-19b8dc77ae3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8b8865d7-1d6c-4a87-b7a6-298cee7d992a}" ma:internalName="TaxCatchAll" ma:showField="CatchAllData" ma:web="55c1d4eb-16f2-4b76-9ac6-19b8dc77ae3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8911F7C-343B-4000-B7A7-ECABB7213357}">
  <ds:schemaRefs/>
</ds:datastoreItem>
</file>

<file path=customXml/itemProps2.xml><?xml version="1.0" encoding="utf-8"?>
<ds:datastoreItem xmlns:ds="http://schemas.openxmlformats.org/officeDocument/2006/customXml" ds:itemID="{796AF638-4400-44D7-9983-AE0F281E9A45}">
  <ds:schemaRefs/>
</ds:datastoreItem>
</file>

<file path=customXml/itemProps3.xml><?xml version="1.0" encoding="utf-8"?>
<ds:datastoreItem xmlns:ds="http://schemas.openxmlformats.org/officeDocument/2006/customXml" ds:itemID="{588FF110-B9CC-4F56-84E0-A21B936732D2}">
  <ds:schemaRefs>
    <ds:schemaRef ds:uri="http://schemas.microsoft.com/sharepoint/v3/contenttype/forms"/>
  </ds:schemaRefs>
</ds:datastoreItem>
</file>

<file path=customXml/itemProps4.xml><?xml version="1.0" encoding="utf-8"?>
<ds:datastoreItem xmlns:ds="http://schemas.openxmlformats.org/officeDocument/2006/customXml" ds:itemID="{E3DD2DC9-10E0-4A11-9FCC-5241C72F9017}">
  <ds:schemaRefs>
    <ds:schemaRef ds:uri="http://schemas.microsoft.com/office/infopath/2007/PartnerControls"/>
    <ds:schemaRef ds:uri="http://schemas.microsoft.com/office/2006/documentManagement/types"/>
    <ds:schemaRef ds:uri="35c38276-1455-4782-ad15-9d0b42c0e8c8"/>
    <ds:schemaRef ds:uri="http://purl.org/dc/dcmitype/"/>
    <ds:schemaRef ds:uri="http://purl.org/dc/elements/1.1/"/>
    <ds:schemaRef ds:uri="http://schemas.microsoft.com/office/2006/metadata/properties"/>
    <ds:schemaRef ds:uri="http://www.w3.org/XML/1998/namespace"/>
    <ds:schemaRef ds:uri="http://schemas.openxmlformats.org/package/2006/metadata/core-properties"/>
    <ds:schemaRef ds:uri="55c1d4eb-16f2-4b76-9ac6-19b8dc77ae34"/>
    <ds:schemaRef ds:uri="http://purl.org/dc/terms/"/>
  </ds:schemaRefs>
</ds:datastoreItem>
</file>

<file path=customXml/itemProps5.xml><?xml version="1.0" encoding="utf-8"?>
<ds:datastoreItem xmlns:ds="http://schemas.openxmlformats.org/officeDocument/2006/customXml" ds:itemID="{12506669-64C9-46FE-B3AD-8A5F00326F1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5c38276-1455-4782-ad15-9d0b42c0e8c8"/>
    <ds:schemaRef ds:uri="55c1d4eb-16f2-4b76-9ac6-19b8dc77ae3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Legend</vt:lpstr>
      <vt:lpstr>Requirements Summary</vt:lpstr>
      <vt:lpstr>Service Requirements</vt:lpstr>
    </vt:vector>
  </TitlesOfParts>
  <Manager/>
  <Company>The Segal Group</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hnke, Gary B.</dc:creator>
  <cp:keywords/>
  <dc:description/>
  <cp:lastModifiedBy>Behnke, Gary B.</cp:lastModifiedBy>
  <cp:revision/>
  <dcterms:created xsi:type="dcterms:W3CDTF">2026-01-13T06:08:21Z</dcterms:created>
  <dcterms:modified xsi:type="dcterms:W3CDTF">2026-04-15T16:20:48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10-02T15:18:49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94024396-ff67-4068-890c-f8dace58eae9</vt:lpwstr>
  </property>
  <property fmtid="{D5CDD505-2E9C-101B-9397-08002B2CF9AE}" pid="8" name="MSIP_Label_459ef8e5-3aaa-41a0-b30c-a77b6f506147_ContentBits">
    <vt:lpwstr>0</vt:lpwstr>
  </property>
  <property fmtid="{D5CDD505-2E9C-101B-9397-08002B2CF9AE}" pid="9" name="TemplafyTenantId">
    <vt:lpwstr>segalco</vt:lpwstr>
  </property>
  <property fmtid="{D5CDD505-2E9C-101B-9397-08002B2CF9AE}" pid="10" name="TemplafyTemplateId">
    <vt:lpwstr>1364015221631616734</vt:lpwstr>
  </property>
  <property fmtid="{D5CDD505-2E9C-101B-9397-08002B2CF9AE}" pid="11" name="TemplafyUserProfileId">
    <vt:lpwstr>774764435972292825</vt:lpwstr>
  </property>
  <property fmtid="{D5CDD505-2E9C-101B-9397-08002B2CF9AE}" pid="12" name="TemplafyLanguageCode">
    <vt:lpwstr>en-US</vt:lpwstr>
  </property>
  <property fmtid="{D5CDD505-2E9C-101B-9397-08002B2CF9AE}" pid="13" name="TemplafyFromBlank">
    <vt:bool>true</vt:bool>
  </property>
  <property fmtid="{D5CDD505-2E9C-101B-9397-08002B2CF9AE}" pid="14" name="ContentTypeId">
    <vt:lpwstr>0x010100EF5C87BF47D87D4196EFFEE83BD998DE</vt:lpwstr>
  </property>
  <property fmtid="{D5CDD505-2E9C-101B-9397-08002B2CF9AE}" pid="15" name="MediaServiceImageTags">
    <vt:lpwstr/>
  </property>
</Properties>
</file>